
<file path=[Content_Types].xml><?xml version="1.0" encoding="utf-8"?>
<Types xmlns="http://schemas.openxmlformats.org/package/2006/content-types">
  <Default Extension="jpeg" ContentType="image/jpeg"/>
  <Default Extension="JPG" ContentType="image/.jpg"/>
  <Default Extension="vml" ContentType="application/vnd.openxmlformats-officedocument.vmlDrawing"/>
  <Default Extension="bin" ContentType="application/vnd.openxmlformats-officedocument.oleObject"/>
  <Default Extension="png" ContentType="image/png"/>
  <Default Extension="gif" ContentType="image/gif"/>
  <Default Extension="emf" ContentType="image/x-emf"/>
  <Default Extension="rels" ContentType="application/vnd.openxmlformats-package.relationships+xml"/>
  <Default Extension="xml" ContentType="application/xml"/>
  <Override PartName="/docProps/app.xml" ContentType="application/vnd.openxmlformats-officedocument.extended-properties+xml"/>
  <Override PartName="/docProps/core.xml" ContentType="application/vnd.openxmlformats-package.core-properties+xml"/>
  <Override PartName="/docProps/custom.xml" ContentType="application/vnd.openxmlformats-officedocument.custom-properties+xml"/>
  <Override PartName="/ppt/fonts/font1.fntdata" ContentType="application/x-fontdata"/>
  <Override PartName="/ppt/fonts/font10.fntdata" ContentType="application/x-fontdata"/>
  <Override PartName="/ppt/fonts/font11.fntdata" ContentType="application/x-fontdata"/>
  <Override PartName="/ppt/fonts/font12.fntdata" ContentType="application/x-fontdata"/>
  <Override PartName="/ppt/fonts/font13.fntdata" ContentType="application/x-fontdata"/>
  <Override PartName="/ppt/fonts/font14.fntdata" ContentType="application/x-fontdata"/>
  <Override PartName="/ppt/fonts/font15.fntdata" ContentType="application/x-fontdata"/>
  <Override PartName="/ppt/fonts/font16.fntdata" ContentType="application/x-fontdata"/>
  <Override PartName="/ppt/fonts/font17.fntdata" ContentType="application/x-fontdata"/>
  <Override PartName="/ppt/fonts/font18.fntdata" ContentType="application/x-fontdata"/>
  <Override PartName="/ppt/fonts/font19.fntdata" ContentType="application/x-fontdata"/>
  <Override PartName="/ppt/fonts/font2.fntdata" ContentType="application/x-fontdata"/>
  <Override PartName="/ppt/fonts/font20.fntdata" ContentType="application/x-fontdata"/>
  <Override PartName="/ppt/fonts/font21.fntdata" ContentType="application/x-fontdata"/>
  <Override PartName="/ppt/fonts/font22.fntdata" ContentType="application/x-fontdata"/>
  <Override PartName="/ppt/fonts/font3.fntdata" ContentType="application/x-fontdata"/>
  <Override PartName="/ppt/fonts/font4.fntdata" ContentType="application/x-fontdata"/>
  <Override PartName="/ppt/fonts/font5.fntdata" ContentType="application/x-fontdata"/>
  <Override PartName="/ppt/fonts/font6.fntdata" ContentType="application/x-fontdata"/>
  <Override PartName="/ppt/fonts/font7.fntdata" ContentType="application/x-fontdata"/>
  <Override PartName="/ppt/fonts/font8.fntdata" ContentType="application/x-fontdata"/>
  <Override PartName="/ppt/fonts/font9.fntdata" ContentType="application/x-fontdata"/>
  <Override PartName="/ppt/notesMasters/notesMaster1.xml" ContentType="application/vnd.openxmlformats-officedocument.presentationml.notesMaster+xml"/>
  <Override PartName="/ppt/notesSlides/notesSlide1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presProps.xml" ContentType="application/vnd.openxmlformats-officedocument.presentationml.presProps+xml"/>
  <Override PartName="/ppt/presentation.xml" ContentType="application/vnd.openxmlformats-officedocument.presentationml.presentation.main+xml"/>
  <Override PartName="/ppt/slideLayouts/slideLayout1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Masters/slideMaster4.xml" ContentType="application/vnd.openxmlformats-officedocument.presentationml.slideMaster+xml"/>
  <Override PartName="/ppt/slides/slide1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tableStyles.xml" ContentType="application/vnd.openxmlformats-officedocument.presentationml.tableStyles+xml"/>
  <Override PartName="/ppt/tags/tag1.xml" ContentType="application/vnd.openxmlformats-officedocument.presentationml.tags+xml"/>
  <Override PartName="/ppt/theme/theme1.xml" ContentType="application/vnd.openxmlformats-officedocument.theme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heme/theme5.xml" ContentType="application/vnd.openxmlformats-officedocument.theme+xml"/>
  <Override PartName="/ppt/viewProps.xml" ContentType="application/vnd.openxmlformats-officedocument.presentationml.viewProps+xml"/>
</Types>
</file>

<file path=_rels/.rels><?xml version="1.0" encoding="UTF-8" standalone="yes"?>
<Relationships xmlns="http://schemas.openxmlformats.org/package/2006/relationships"><Relationship Id="rId1" Type="http://schemas.openxmlformats.org/officeDocument/2006/relationships/officeDocument" Target="ppt/presentation.xml"/><Relationship Id="rId4" Type="http://schemas.openxmlformats.org/package/2006/relationships/metadata/thumbnail" Target="docProps/thumbnail.jpeg"/><Relationship Id="rId3" Type="http://schemas.openxmlformats.org/package/2006/relationships/metadata/core-properties" Target="docProps/core.xml"/><Relationship Id="rId2" Type="http://schemas.openxmlformats.org/officeDocument/2006/relationships/extended-properties" Target="docProps/app.xml"/><Relationship Id="rId5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  <p:sldMasterId id="2147483654" r:id="rId3"/>
    <p:sldMasterId id="2147483668" r:id="rId4"/>
    <p:sldMasterId id="2147483680" r:id="rId5"/>
  </p:sldMasterIdLst>
  <p:notesMasterIdLst>
    <p:notesMasterId r:id="rId8"/>
  </p:notesMasterIdLst>
  <p:sldIdLst>
    <p:sldId id="319" r:id="rId6"/>
    <p:sldId id="260" r:id="rId7"/>
    <p:sldId id="361" r:id="rId9"/>
    <p:sldId id="295" r:id="rId10"/>
    <p:sldId id="364" r:id="rId11"/>
    <p:sldId id="363" r:id="rId12"/>
    <p:sldId id="337" r:id="rId13"/>
    <p:sldId id="294" r:id="rId14"/>
    <p:sldId id="296" r:id="rId15"/>
    <p:sldId id="306" r:id="rId16"/>
    <p:sldId id="305" r:id="rId17"/>
    <p:sldId id="300" r:id="rId18"/>
    <p:sldId id="328" r:id="rId19"/>
    <p:sldId id="329" r:id="rId20"/>
    <p:sldId id="330" r:id="rId21"/>
    <p:sldId id="331" r:id="rId22"/>
    <p:sldId id="332" r:id="rId23"/>
    <p:sldId id="333" r:id="rId24"/>
    <p:sldId id="334" r:id="rId25"/>
    <p:sldId id="335" r:id="rId26"/>
    <p:sldId id="298" r:id="rId27"/>
    <p:sldId id="385" r:id="rId28"/>
    <p:sldId id="391" r:id="rId29"/>
    <p:sldId id="392" r:id="rId30"/>
    <p:sldId id="393" r:id="rId31"/>
    <p:sldId id="394" r:id="rId32"/>
    <p:sldId id="395" r:id="rId33"/>
    <p:sldId id="316" r:id="rId34"/>
    <p:sldId id="400" r:id="rId35"/>
    <p:sldId id="341" r:id="rId36"/>
    <p:sldId id="315" r:id="rId37"/>
    <p:sldId id="318" r:id="rId38"/>
  </p:sldIdLst>
  <p:sldSz cx="12192000" cy="6858000"/>
  <p:notesSz cx="6858000" cy="9144000"/>
  <p:embeddedFontLst>
    <p:embeddedFont>
      <p:font typeface="SimSun" panose="02010600030101010101" pitchFamily="2" charset="-122"/>
      <p:regular r:id="rId42"/>
    </p:embeddedFont>
    <p:embeddedFont>
      <p:font typeface="Microsoft YaHei" panose="020B0503020204020204" pitchFamily="34" charset="-122"/>
      <p:regular r:id="rId43"/>
    </p:embeddedFont>
    <p:embeddedFont>
      <p:font typeface="Georgia" panose="02040502050405020303" pitchFamily="18" charset="0"/>
      <p:regular r:id="rId44"/>
    </p:embeddedFont>
    <p:embeddedFont>
      <p:font typeface="Helvetica" panose="020B0604020202020204"/>
      <p:regular r:id="rId45"/>
      <p:bold r:id="rId46"/>
      <p:italic r:id="rId47"/>
      <p:boldItalic r:id="rId48"/>
    </p:embeddedFont>
    <p:embeddedFont>
      <p:font typeface="等线" panose="02010600030101010101" charset="-122"/>
      <p:regular r:id="rId49"/>
    </p:embeddedFont>
    <p:embeddedFont>
      <p:font typeface="Calibri" panose="020F0502020204030204"/>
      <p:regular r:id="rId50"/>
      <p:bold r:id="rId51"/>
      <p:italic r:id="rId52"/>
      <p:boldItalic r:id="rId53"/>
    </p:embeddedFont>
    <p:embeddedFont>
      <p:font typeface="Trebuchet MS" panose="020B0603020202020204" charset="0"/>
      <p:regular r:id="rId54"/>
      <p:bold r:id="rId55"/>
      <p:italic r:id="rId56"/>
      <p:boldItalic r:id="rId57"/>
    </p:embeddedFont>
    <p:embeddedFont>
      <p:font typeface="Roboto" panose="02000000000000000000" pitchFamily="2" charset="0"/>
      <p:regular r:id="rId58"/>
      <p:bold r:id="rId59"/>
      <p:italic r:id="rId60"/>
      <p:boldItalic r:id="rId61"/>
    </p:embeddedFont>
    <p:embeddedFont>
      <p:font typeface="Calibri Light" panose="020F0302020204030204" charset="0"/>
      <p:regular r:id="rId62"/>
      <p:italic r:id="rId63"/>
    </p:embeddedFont>
  </p:embeddedFontLst>
  <p:custDataLst>
    <p:tags r:id="rId64"/>
  </p:custDataLst>
  <p:defaultTextStyle>
    <a:defPPr>
      <a:defRPr lang="en-US"/>
    </a:defPPr>
    <a:lvl1pPr marL="0" algn="l" defTabSz="456565" rtl="0" eaLnBrk="1" latinLnBrk="0" hangingPunct="1">
      <a:defRPr sz="1900" kern="1200">
        <a:solidFill>
          <a:schemeClr val="tx1"/>
        </a:solidFill>
        <a:latin typeface="+mn-lt"/>
        <a:ea typeface="+mn-ea"/>
        <a:cs typeface="+mn-cs"/>
      </a:defRPr>
    </a:lvl1pPr>
    <a:lvl2pPr marL="456565" algn="l" defTabSz="456565" rtl="0" eaLnBrk="1" latinLnBrk="0" hangingPunct="1">
      <a:defRPr sz="1900" kern="1200">
        <a:solidFill>
          <a:schemeClr val="tx1"/>
        </a:solidFill>
        <a:latin typeface="+mn-lt"/>
        <a:ea typeface="+mn-ea"/>
        <a:cs typeface="+mn-cs"/>
      </a:defRPr>
    </a:lvl2pPr>
    <a:lvl3pPr marL="913765" algn="l" defTabSz="456565" rtl="0" eaLnBrk="1" latinLnBrk="0" hangingPunct="1">
      <a:defRPr sz="1900" kern="1200">
        <a:solidFill>
          <a:schemeClr val="tx1"/>
        </a:solidFill>
        <a:latin typeface="+mn-lt"/>
        <a:ea typeface="+mn-ea"/>
        <a:cs typeface="+mn-cs"/>
      </a:defRPr>
    </a:lvl3pPr>
    <a:lvl4pPr marL="1370330" algn="l" defTabSz="456565" rtl="0" eaLnBrk="1" latinLnBrk="0" hangingPunct="1">
      <a:defRPr sz="1900" kern="1200">
        <a:solidFill>
          <a:schemeClr val="tx1"/>
        </a:solidFill>
        <a:latin typeface="+mn-lt"/>
        <a:ea typeface="+mn-ea"/>
        <a:cs typeface="+mn-cs"/>
      </a:defRPr>
    </a:lvl4pPr>
    <a:lvl5pPr marL="1827530" algn="l" defTabSz="456565" rtl="0" eaLnBrk="1" latinLnBrk="0" hangingPunct="1">
      <a:defRPr sz="1900" kern="1200">
        <a:solidFill>
          <a:schemeClr val="tx1"/>
        </a:solidFill>
        <a:latin typeface="+mn-lt"/>
        <a:ea typeface="+mn-ea"/>
        <a:cs typeface="+mn-cs"/>
      </a:defRPr>
    </a:lvl5pPr>
    <a:lvl6pPr marL="2284095" algn="l" defTabSz="456565" rtl="0" eaLnBrk="1" latinLnBrk="0" hangingPunct="1">
      <a:defRPr sz="1900" kern="1200">
        <a:solidFill>
          <a:schemeClr val="tx1"/>
        </a:solidFill>
        <a:latin typeface="+mn-lt"/>
        <a:ea typeface="+mn-ea"/>
        <a:cs typeface="+mn-cs"/>
      </a:defRPr>
    </a:lvl6pPr>
    <a:lvl7pPr marL="2741295" algn="l" defTabSz="456565" rtl="0" eaLnBrk="1" latinLnBrk="0" hangingPunct="1">
      <a:defRPr sz="1900" kern="1200">
        <a:solidFill>
          <a:schemeClr val="tx1"/>
        </a:solidFill>
        <a:latin typeface="+mn-lt"/>
        <a:ea typeface="+mn-ea"/>
        <a:cs typeface="+mn-cs"/>
      </a:defRPr>
    </a:lvl7pPr>
    <a:lvl8pPr marL="3197860" algn="l" defTabSz="456565" rtl="0" eaLnBrk="1" latinLnBrk="0" hangingPunct="1">
      <a:defRPr sz="1900" kern="1200">
        <a:solidFill>
          <a:schemeClr val="tx1"/>
        </a:solidFill>
        <a:latin typeface="+mn-lt"/>
        <a:ea typeface="+mn-ea"/>
        <a:cs typeface="+mn-cs"/>
      </a:defRPr>
    </a:lvl8pPr>
    <a:lvl9pPr marL="3655060" algn="l" defTabSz="456565" rtl="0" eaLnBrk="1" latinLnBrk="0" hangingPunct="1">
      <a:defRPr sz="19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106C2"/>
    <a:srgbClr val="162F81"/>
    <a:srgbClr val="C7020C"/>
    <a:srgbClr val="4268A6"/>
    <a:srgbClr val="C91324"/>
    <a:srgbClr val="8A3E7E"/>
    <a:srgbClr val="F5C700"/>
    <a:srgbClr val="1D4251"/>
    <a:srgbClr val="FF940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4990" autoAdjust="0"/>
    <p:restoredTop sz="94660"/>
  </p:normalViewPr>
  <p:slideViewPr>
    <p:cSldViewPr snapToGrid="0" showGuides="1">
      <p:cViewPr varScale="1">
        <p:scale>
          <a:sx n="66" d="100"/>
          <a:sy n="66" d="100"/>
        </p:scale>
        <p:origin x="312" y="48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9" Type="http://schemas.openxmlformats.org/officeDocument/2006/relationships/slide" Target="slides/slide3.xml"/><Relationship Id="rId8" Type="http://schemas.openxmlformats.org/officeDocument/2006/relationships/notesMaster" Target="notesMasters/notesMaster1.xml"/><Relationship Id="rId7" Type="http://schemas.openxmlformats.org/officeDocument/2006/relationships/slide" Target="slides/slide2.xml"/><Relationship Id="rId64" Type="http://schemas.openxmlformats.org/officeDocument/2006/relationships/tags" Target="tags/tag1.xml"/><Relationship Id="rId63" Type="http://schemas.openxmlformats.org/officeDocument/2006/relationships/font" Target="fonts/font22.fntdata"/><Relationship Id="rId62" Type="http://schemas.openxmlformats.org/officeDocument/2006/relationships/font" Target="fonts/font21.fntdata"/><Relationship Id="rId61" Type="http://schemas.openxmlformats.org/officeDocument/2006/relationships/font" Target="fonts/font20.fntdata"/><Relationship Id="rId60" Type="http://schemas.openxmlformats.org/officeDocument/2006/relationships/font" Target="fonts/font19.fntdata"/><Relationship Id="rId6" Type="http://schemas.openxmlformats.org/officeDocument/2006/relationships/slide" Target="slides/slide1.xml"/><Relationship Id="rId59" Type="http://schemas.openxmlformats.org/officeDocument/2006/relationships/font" Target="fonts/font18.fntdata"/><Relationship Id="rId58" Type="http://schemas.openxmlformats.org/officeDocument/2006/relationships/font" Target="fonts/font17.fntdata"/><Relationship Id="rId57" Type="http://schemas.openxmlformats.org/officeDocument/2006/relationships/font" Target="fonts/font16.fntdata"/><Relationship Id="rId56" Type="http://schemas.openxmlformats.org/officeDocument/2006/relationships/font" Target="fonts/font15.fntdata"/><Relationship Id="rId55" Type="http://schemas.openxmlformats.org/officeDocument/2006/relationships/font" Target="fonts/font14.fntdata"/><Relationship Id="rId54" Type="http://schemas.openxmlformats.org/officeDocument/2006/relationships/font" Target="fonts/font13.fntdata"/><Relationship Id="rId53" Type="http://schemas.openxmlformats.org/officeDocument/2006/relationships/font" Target="fonts/font12.fntdata"/><Relationship Id="rId52" Type="http://schemas.openxmlformats.org/officeDocument/2006/relationships/font" Target="fonts/font11.fntdata"/><Relationship Id="rId51" Type="http://schemas.openxmlformats.org/officeDocument/2006/relationships/font" Target="fonts/font10.fntdata"/><Relationship Id="rId50" Type="http://schemas.openxmlformats.org/officeDocument/2006/relationships/font" Target="fonts/font9.fntdata"/><Relationship Id="rId5" Type="http://schemas.openxmlformats.org/officeDocument/2006/relationships/slideMaster" Target="slideMasters/slideMaster4.xml"/><Relationship Id="rId49" Type="http://schemas.openxmlformats.org/officeDocument/2006/relationships/font" Target="fonts/font8.fntdata"/><Relationship Id="rId48" Type="http://schemas.openxmlformats.org/officeDocument/2006/relationships/font" Target="fonts/font7.fntdata"/><Relationship Id="rId47" Type="http://schemas.openxmlformats.org/officeDocument/2006/relationships/font" Target="fonts/font6.fntdata"/><Relationship Id="rId46" Type="http://schemas.openxmlformats.org/officeDocument/2006/relationships/font" Target="fonts/font5.fntdata"/><Relationship Id="rId45" Type="http://schemas.openxmlformats.org/officeDocument/2006/relationships/font" Target="fonts/font4.fntdata"/><Relationship Id="rId44" Type="http://schemas.openxmlformats.org/officeDocument/2006/relationships/font" Target="fonts/font3.fntdata"/><Relationship Id="rId43" Type="http://schemas.openxmlformats.org/officeDocument/2006/relationships/font" Target="fonts/font2.fntdata"/><Relationship Id="rId42" Type="http://schemas.openxmlformats.org/officeDocument/2006/relationships/font" Target="fonts/font1.fntdata"/><Relationship Id="rId41" Type="http://schemas.openxmlformats.org/officeDocument/2006/relationships/tableStyles" Target="tableStyles.xml"/><Relationship Id="rId40" Type="http://schemas.openxmlformats.org/officeDocument/2006/relationships/viewProps" Target="viewProps.xml"/><Relationship Id="rId4" Type="http://schemas.openxmlformats.org/officeDocument/2006/relationships/slideMaster" Target="slideMasters/slideMaster3.xml"/><Relationship Id="rId39" Type="http://schemas.openxmlformats.org/officeDocument/2006/relationships/presProps" Target="presProps.xml"/><Relationship Id="rId38" Type="http://schemas.openxmlformats.org/officeDocument/2006/relationships/slide" Target="slides/slide32.xml"/><Relationship Id="rId37" Type="http://schemas.openxmlformats.org/officeDocument/2006/relationships/slide" Target="slides/slide31.xml"/><Relationship Id="rId36" Type="http://schemas.openxmlformats.org/officeDocument/2006/relationships/slide" Target="slides/slide30.xml"/><Relationship Id="rId35" Type="http://schemas.openxmlformats.org/officeDocument/2006/relationships/slide" Target="slides/slide29.xml"/><Relationship Id="rId34" Type="http://schemas.openxmlformats.org/officeDocument/2006/relationships/slide" Target="slides/slide28.xml"/><Relationship Id="rId33" Type="http://schemas.openxmlformats.org/officeDocument/2006/relationships/slide" Target="slides/slide27.xml"/><Relationship Id="rId32" Type="http://schemas.openxmlformats.org/officeDocument/2006/relationships/slide" Target="slides/slide26.xml"/><Relationship Id="rId31" Type="http://schemas.openxmlformats.org/officeDocument/2006/relationships/slide" Target="slides/slide25.xml"/><Relationship Id="rId30" Type="http://schemas.openxmlformats.org/officeDocument/2006/relationships/slide" Target="slides/slide24.xml"/><Relationship Id="rId3" Type="http://schemas.openxmlformats.org/officeDocument/2006/relationships/slideMaster" Target="slideMasters/slideMaster2.xml"/><Relationship Id="rId29" Type="http://schemas.openxmlformats.org/officeDocument/2006/relationships/slide" Target="slides/slide23.xml"/><Relationship Id="rId28" Type="http://schemas.openxmlformats.org/officeDocument/2006/relationships/slide" Target="slides/slide22.xml"/><Relationship Id="rId27" Type="http://schemas.openxmlformats.org/officeDocument/2006/relationships/slide" Target="slides/slide21.xml"/><Relationship Id="rId26" Type="http://schemas.openxmlformats.org/officeDocument/2006/relationships/slide" Target="slides/slide20.xml"/><Relationship Id="rId25" Type="http://schemas.openxmlformats.org/officeDocument/2006/relationships/slide" Target="slides/slide19.xml"/><Relationship Id="rId24" Type="http://schemas.openxmlformats.org/officeDocument/2006/relationships/slide" Target="slides/slide18.xml"/><Relationship Id="rId23" Type="http://schemas.openxmlformats.org/officeDocument/2006/relationships/slide" Target="slides/slide17.xml"/><Relationship Id="rId22" Type="http://schemas.openxmlformats.org/officeDocument/2006/relationships/slide" Target="slides/slide16.xml"/><Relationship Id="rId21" Type="http://schemas.openxmlformats.org/officeDocument/2006/relationships/slide" Target="slides/slide15.xml"/><Relationship Id="rId20" Type="http://schemas.openxmlformats.org/officeDocument/2006/relationships/slide" Target="slides/slide14.xml"/><Relationship Id="rId2" Type="http://schemas.openxmlformats.org/officeDocument/2006/relationships/theme" Target="theme/theme1.xml"/><Relationship Id="rId19" Type="http://schemas.openxmlformats.org/officeDocument/2006/relationships/slide" Target="slides/slide13.xml"/><Relationship Id="rId18" Type="http://schemas.openxmlformats.org/officeDocument/2006/relationships/slide" Target="slides/slide12.xml"/><Relationship Id="rId17" Type="http://schemas.openxmlformats.org/officeDocument/2006/relationships/slide" Target="slides/slide11.xml"/><Relationship Id="rId16" Type="http://schemas.openxmlformats.org/officeDocument/2006/relationships/slide" Target="slides/slide10.xml"/><Relationship Id="rId15" Type="http://schemas.openxmlformats.org/officeDocument/2006/relationships/slide" Target="slides/slide9.xml"/><Relationship Id="rId14" Type="http://schemas.openxmlformats.org/officeDocument/2006/relationships/slide" Target="slides/slide8.xml"/><Relationship Id="rId13" Type="http://schemas.openxmlformats.org/officeDocument/2006/relationships/slide" Target="slides/slide7.xml"/><Relationship Id="rId12" Type="http://schemas.openxmlformats.org/officeDocument/2006/relationships/slide" Target="slides/slide6.xml"/><Relationship Id="rId11" Type="http://schemas.openxmlformats.org/officeDocument/2006/relationships/slide" Target="slides/slide5.xml"/><Relationship Id="rId10" Type="http://schemas.openxmlformats.org/officeDocument/2006/relationships/slide" Target="slides/slide4.xml"/><Relationship Id="rId1" Type="http://schemas.openxmlformats.org/officeDocument/2006/relationships/slideMaster" Target="slideMasters/slideMaster1.xml"/></Relationships>
</file>

<file path=ppt/drawings/_rels/vmlDrawing1.vml.rels><?xml version="1.0" encoding="UTF-8" standalone="yes"?>
<Relationships xmlns="http://schemas.openxmlformats.org/package/2006/relationships"><Relationship Id="rId1" Type="http://schemas.openxmlformats.org/officeDocument/2006/relationships/image" Target="../media/image41.e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9A8CD44-19F2-4319-AE0B-2DCC42EEAF6F}" type="datetimeFigureOut">
              <a:rPr lang="zh-CN" altLang="en-US" smtClean="0"/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单击此处编辑母版文本样式</a:t>
            </a:r>
            <a:endParaRPr lang="zh-CN" altLang="en-US"/>
          </a:p>
          <a:p>
            <a:pPr lvl="1"/>
            <a:r>
              <a:rPr lang="zh-CN" altLang="en-US"/>
              <a:t>二级</a:t>
            </a:r>
            <a:endParaRPr lang="zh-CN" altLang="en-US"/>
          </a:p>
          <a:p>
            <a:pPr lvl="2"/>
            <a:r>
              <a:rPr lang="zh-CN" altLang="en-US"/>
              <a:t>三级</a:t>
            </a:r>
            <a:endParaRPr lang="zh-CN" altLang="en-US"/>
          </a:p>
          <a:p>
            <a:pPr lvl="3"/>
            <a:r>
              <a:rPr lang="zh-CN" altLang="en-US"/>
              <a:t>四级</a:t>
            </a:r>
            <a:endParaRPr lang="zh-CN" altLang="en-US"/>
          </a:p>
          <a:p>
            <a:pPr lvl="4"/>
            <a:r>
              <a:rPr lang="zh-CN" altLang="en-US"/>
              <a:t>五级</a:t>
            </a:r>
            <a:endParaRPr lang="zh-CN" altLang="en-US"/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1F3982A-5D6B-41A8-A788-697AC8EE34BB}" type="slidenum">
              <a:rPr lang="zh-CN" altLang="en-US" smtClean="0"/>
            </a:fld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3765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6565" algn="l" defTabSz="913765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3765" algn="l" defTabSz="913765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0330" algn="l" defTabSz="913765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7530" algn="l" defTabSz="913765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4095" algn="l" defTabSz="913765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1295" algn="l" defTabSz="913765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197860" algn="l" defTabSz="913765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5060" algn="l" defTabSz="913765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2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15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16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17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18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19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20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2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28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3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4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5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7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8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9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1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13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notesMaster" Target="../notesMasters/notesMaster1.xml"/><Relationship Id="rId1" Type="http://schemas.openxmlformats.org/officeDocument/2006/relationships/slide" Target="../slides/slide14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1F3982A-5D6B-41A8-A788-697AC8EE34BB}" type="slidenum">
              <a:rPr lang="zh-CN" altLang="en-US" smtClean="0"/>
            </a:fld>
            <a:endParaRPr lang="zh-CN" altLang="en-US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PhAnim="0" showMasterSp="0">
  <p:cSld>
    <p:spTree>
      <p:nvGrpSpPr>
        <p:cNvPr id="1" name="Shape 7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" name="Google Shape;716;gdad19b686c_0_4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17" name="Google Shape;717;gdad19b686c_0_4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PhAnim="0" showMasterSp="0">
  <p:cSld>
    <p:spTree>
      <p:nvGrpSpPr>
        <p:cNvPr id="1" name="Shape 7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" name="Google Shape;716;gdad19b686c_0_4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17" name="Google Shape;717;gdad19b686c_0_4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PhAnim="0" showMasterSp="0">
  <p:cSld>
    <p:spTree>
      <p:nvGrpSpPr>
        <p:cNvPr id="1" name="Shape 7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" name="Google Shape;716;gdad19b686c_0_4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17" name="Google Shape;717;gdad19b686c_0_4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PhAnim="0" showMasterSp="0">
  <p:cSld>
    <p:spTree>
      <p:nvGrpSpPr>
        <p:cNvPr id="1" name="Shape 7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" name="Google Shape;716;gdad19b686c_0_4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17" name="Google Shape;717;gdad19b686c_0_4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PhAnim="0" showMasterSp="0">
  <p:cSld>
    <p:spTree>
      <p:nvGrpSpPr>
        <p:cNvPr id="1" name="Shape 7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" name="Google Shape;716;gdad19b686c_0_4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17" name="Google Shape;717;gdad19b686c_0_4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PhAnim="0" showMasterSp="0">
  <p:cSld>
    <p:spTree>
      <p:nvGrpSpPr>
        <p:cNvPr id="1" name="Shape 7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" name="Google Shape;716;gdad19b686c_0_4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17" name="Google Shape;717;gdad19b686c_0_4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1F3982A-5D6B-41A8-A788-697AC8EE34BB}" type="slidenum">
              <a:rPr lang="zh-CN" altLang="en-US" smtClean="0">
                <a:solidFill>
                  <a:prstClr val="black"/>
                </a:solidFill>
                <a:latin typeface="Calibri" panose="020F0502020204030204"/>
                <a:ea typeface="SimSun" panose="02010600030101010101" pitchFamily="2" charset="-122"/>
              </a:rPr>
            </a:fld>
            <a:endParaRPr lang="zh-CN" altLang="en-US">
              <a:solidFill>
                <a:prstClr val="black"/>
              </a:solidFill>
              <a:latin typeface="Calibri" panose="020F0502020204030204"/>
              <a:ea typeface="SimSun" panose="02010600030101010101" pitchFamily="2" charset="-122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1F3982A-5D6B-41A8-A788-697AC8EE34BB}" type="slidenum">
              <a:rPr lang="zh-CN" altLang="en-US" smtClean="0">
                <a:solidFill>
                  <a:prstClr val="black"/>
                </a:solidFill>
                <a:latin typeface="Calibri" panose="020F0502020204030204"/>
                <a:ea typeface="SimSun" panose="02010600030101010101" pitchFamily="2" charset="-122"/>
              </a:rPr>
            </a:fld>
            <a:endParaRPr lang="zh-CN" altLang="en-US">
              <a:solidFill>
                <a:prstClr val="black"/>
              </a:solidFill>
              <a:latin typeface="Calibri" panose="020F0502020204030204"/>
              <a:ea typeface="SimSun" panose="02010600030101010101" pitchFamily="2" charset="-122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 showMasterPhAnim="0" showMasterSp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p1:notes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</a:p>
        </p:txBody>
      </p:sp>
      <p:sp>
        <p:nvSpPr>
          <p:cNvPr id="86" name="Google Shape;86;p1:notes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1F3982A-5D6B-41A8-A788-697AC8EE34BB}" type="slidenum">
              <a:rPr lang="zh-CN" altLang="en-US" smtClean="0"/>
            </a:fld>
            <a:endParaRPr lang="zh-CN" altLang="en-US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1F3982A-5D6B-41A8-A788-697AC8EE34BB}" type="slidenum">
              <a:rPr lang="zh-CN" altLang="en-US" smtClean="0"/>
            </a:fld>
            <a:endParaRPr lang="zh-CN" altLang="en-US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fld id="{71F3982A-5D6B-41A8-A788-697AC8EE34BB}" type="slidenum">
              <a:rPr kumimoji="0" lang="zh-CN" alt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等线" panose="02010600030101010101" charset="-122"/>
                <a:ea typeface="等线" panose="02010600030101010101" charset="-122"/>
                <a:cs typeface="+mn-cs"/>
              </a:rPr>
            </a:fld>
            <a:endParaRPr kumimoji="0" lang="zh-CN" alt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等线" panose="02010600030101010101" charset="-122"/>
              <a:ea typeface="等线" panose="02010600030101010101" charset="-122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1F3982A-5D6B-41A8-A788-697AC8EE34BB}" type="slidenum">
              <a:rPr lang="zh-CN" altLang="en-US" smtClean="0"/>
            </a:fld>
            <a:endParaRPr lang="zh-CN" altLang="en-US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1F3982A-5D6B-41A8-A788-697AC8EE34BB}" type="slidenum">
              <a:rPr lang="zh-CN" altLang="en-US" smtClean="0">
                <a:solidFill>
                  <a:prstClr val="black"/>
                </a:solidFill>
                <a:latin typeface="Calibri" panose="020F0502020204030204"/>
                <a:ea typeface="SimSun" panose="02010600030101010101" pitchFamily="2" charset="-122"/>
              </a:rPr>
            </a:fld>
            <a:endParaRPr lang="zh-CN" altLang="en-US">
              <a:solidFill>
                <a:prstClr val="black"/>
              </a:solidFill>
              <a:latin typeface="Calibri" panose="020F0502020204030204"/>
              <a:ea typeface="SimSun" panose="02010600030101010101" pitchFamily="2" charset="-122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1F3982A-5D6B-41A8-A788-697AC8EE34BB}" type="slidenum">
              <a:rPr lang="zh-CN" altLang="en-US" smtClean="0"/>
            </a:fld>
            <a:endParaRPr lang="zh-CN" altLang="en-US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PhAnim="0" showMasterSp="0">
  <p:cSld>
    <p:spTree>
      <p:nvGrpSpPr>
        <p:cNvPr id="1" name="Shape 7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" name="Google Shape;716;gdad19b686c_0_4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17" name="Google Shape;717;gdad19b686c_0_4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PhAnim="0" showMasterSp="0">
  <p:cSld>
    <p:spTree>
      <p:nvGrpSpPr>
        <p:cNvPr id="1" name="Shape 7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" name="Google Shape;716;gdad19b686c_0_4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17" name="Google Shape;717;gdad19b686c_0_4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直接连接符 1"/>
          <p:cNvCxnSpPr/>
          <p:nvPr userDrawn="1"/>
        </p:nvCxnSpPr>
        <p:spPr>
          <a:xfrm>
            <a:off x="0" y="751840"/>
            <a:ext cx="12192000" cy="0"/>
          </a:xfrm>
          <a:prstGeom prst="line">
            <a:avLst/>
          </a:prstGeom>
          <a:ln w="12700">
            <a:solidFill>
              <a:srgbClr val="1D425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" name="TextBox 24"/>
          <p:cNvSpPr txBox="1"/>
          <p:nvPr userDrawn="1"/>
        </p:nvSpPr>
        <p:spPr bwMode="auto">
          <a:xfrm>
            <a:off x="1880600" y="280135"/>
            <a:ext cx="1392235" cy="283031"/>
          </a:xfrm>
          <a:prstGeom prst="rect">
            <a:avLst/>
          </a:prstGeom>
          <a:noFill/>
          <a:ln w="9525">
            <a:noFill/>
            <a:miter lim="800000"/>
          </a:ln>
        </p:spPr>
        <p:txBody>
          <a:bodyPr wrap="none" lIns="0" tIns="0" rIns="0" bIns="0" anchor="ctr" anchorCtr="1">
            <a:noAutofit/>
            <a:scene3d>
              <a:camera prst="orthographicFront"/>
              <a:lightRig rig="threePt" dir="t"/>
            </a:scene3d>
            <a:sp3d>
              <a:bevelT w="0" h="0"/>
            </a:sp3d>
          </a:bodyPr>
          <a:lstStyle/>
          <a:p>
            <a:pPr marL="0" marR="0" lvl="1" indent="0" algn="ctr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r>
              <a:rPr lang="en-US" sz="1200" b="1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                                                                                                                                                            </a:t>
            </a:r>
            <a:endParaRPr lang="en-US" sz="1200" b="1" kern="1200" dirty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pPr marL="0" marR="0" lvl="1" indent="0" algn="ctr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r>
              <a:rPr lang="en-US" sz="1200" b="1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                                                                                                                                                               </a:t>
            </a:r>
            <a:endParaRPr lang="en-US" sz="1200" b="1" kern="1200" dirty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pPr marL="0" marR="0" lvl="1" indent="0" algn="ctr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r>
              <a:rPr lang="en-US" sz="1200" b="1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                                                                                                                                                                </a:t>
            </a:r>
            <a:r>
              <a:rPr lang="en-US" sz="2000" b="1" kern="1200" dirty="0" err="1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PHẦN</a:t>
            </a:r>
            <a:r>
              <a:rPr lang="en-US" sz="2000" b="1" kern="1200" baseline="0" dirty="0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en-US" sz="2000" b="1" kern="1200" baseline="0" dirty="0" err="1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MỀM</a:t>
            </a:r>
            <a:r>
              <a:rPr lang="en-US" sz="2000" b="1" kern="1200" baseline="0" dirty="0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en-US" sz="2000" b="1" kern="1200" baseline="0" dirty="0" err="1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BẢNG</a:t>
            </a:r>
            <a:r>
              <a:rPr lang="en-US" sz="2000" b="1" kern="1200" baseline="0" dirty="0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en-US" sz="2000" b="1" kern="1200" baseline="0" dirty="0" err="1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TUẦN</a:t>
            </a:r>
            <a:r>
              <a:rPr lang="en-US" sz="2000" b="1" kern="1200" baseline="0" dirty="0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 HOÀN THÔNG MINH</a:t>
            </a:r>
            <a:endParaRPr lang="en-US" sz="2000" b="1" kern="1200" dirty="0">
              <a:solidFill>
                <a:srgbClr val="FF0000"/>
              </a:solidFill>
              <a:effectLst/>
              <a:latin typeface="+mn-lt"/>
              <a:ea typeface="+mn-ea"/>
              <a:cs typeface="+mn-cs"/>
            </a:endParaRPr>
          </a:p>
          <a:p>
            <a:pPr marL="0" lvl="1" algn="ctr"/>
            <a:endParaRPr lang="zh-CN" altLang="en-US" sz="2000" b="1" dirty="0">
              <a:solidFill>
                <a:srgbClr val="1D4251"/>
              </a:solidFill>
              <a:latin typeface="方正综艺简体" panose="02010601030101010101" pitchFamily="2" charset="-122"/>
              <a:ea typeface="方正综艺简体" panose="02010601030101010101" pitchFamily="2" charset="-122"/>
            </a:endParaRPr>
          </a:p>
        </p:txBody>
      </p:sp>
      <p:sp>
        <p:nvSpPr>
          <p:cNvPr id="4" name="箭头: V 形 7"/>
          <p:cNvSpPr/>
          <p:nvPr userDrawn="1"/>
        </p:nvSpPr>
        <p:spPr>
          <a:xfrm>
            <a:off x="231582" y="208642"/>
            <a:ext cx="425996" cy="425996"/>
          </a:xfrm>
          <a:prstGeom prst="chevron">
            <a:avLst/>
          </a:prstGeom>
          <a:solidFill>
            <a:srgbClr val="1D425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 sz="3200">
              <a:solidFill>
                <a:schemeClr val="tx1"/>
              </a:solidFill>
            </a:endParaRPr>
          </a:p>
        </p:txBody>
      </p:sp>
      <p:sp>
        <p:nvSpPr>
          <p:cNvPr id="6" name="箭头: V 形 7"/>
          <p:cNvSpPr/>
          <p:nvPr userDrawn="1"/>
        </p:nvSpPr>
        <p:spPr>
          <a:xfrm>
            <a:off x="657578" y="208642"/>
            <a:ext cx="425996" cy="425996"/>
          </a:xfrm>
          <a:prstGeom prst="chevron">
            <a:avLst/>
          </a:prstGeom>
          <a:solidFill>
            <a:srgbClr val="1D425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 sz="3200">
              <a:solidFill>
                <a:schemeClr val="tx1"/>
              </a:solidFill>
            </a:endParaRPr>
          </a:p>
        </p:txBody>
      </p:sp>
      <p:sp>
        <p:nvSpPr>
          <p:cNvPr id="7" name="箭头: V 形 7"/>
          <p:cNvSpPr/>
          <p:nvPr userDrawn="1"/>
        </p:nvSpPr>
        <p:spPr>
          <a:xfrm>
            <a:off x="1056091" y="198592"/>
            <a:ext cx="425996" cy="425996"/>
          </a:xfrm>
          <a:prstGeom prst="chevron">
            <a:avLst/>
          </a:prstGeom>
          <a:solidFill>
            <a:srgbClr val="1D425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 sz="3200">
              <a:solidFill>
                <a:schemeClr val="tx1"/>
              </a:solidFill>
            </a:endParaRPr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ntr" presetSubtype="2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4" presetClass="entr" presetSubtype="1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4" presetClass="entr" presetSubtype="1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4" grpId="0" animBg="1"/>
      <p:bldP spid="6" grpId="0" animBg="1"/>
      <p:bldP spid="7" grpId="0" animBg="1"/>
    </p:bld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34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97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6565" indent="0">
              <a:buNone/>
              <a:defRPr sz="2000" b="1"/>
            </a:lvl2pPr>
            <a:lvl3pPr marL="913765" indent="0">
              <a:buNone/>
              <a:defRPr sz="1900" b="1"/>
            </a:lvl3pPr>
            <a:lvl4pPr marL="1370330" indent="0">
              <a:buNone/>
              <a:defRPr sz="1600" b="1"/>
            </a:lvl4pPr>
            <a:lvl5pPr marL="1827530" indent="0">
              <a:buNone/>
              <a:defRPr sz="1600" b="1"/>
            </a:lvl5pPr>
            <a:lvl6pPr marL="2284095" indent="0">
              <a:buNone/>
              <a:defRPr sz="1600" b="1"/>
            </a:lvl6pPr>
            <a:lvl7pPr marL="2741295" indent="0">
              <a:buNone/>
              <a:defRPr sz="1600" b="1"/>
            </a:lvl7pPr>
            <a:lvl8pPr marL="3197860" indent="0">
              <a:buNone/>
              <a:defRPr sz="1600" b="1"/>
            </a:lvl8pPr>
            <a:lvl9pPr marL="365506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97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SG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2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6565" indent="0">
              <a:buNone/>
              <a:defRPr sz="2000" b="1"/>
            </a:lvl2pPr>
            <a:lvl3pPr marL="913765" indent="0">
              <a:buNone/>
              <a:defRPr sz="1900" b="1"/>
            </a:lvl3pPr>
            <a:lvl4pPr marL="1370330" indent="0">
              <a:buNone/>
              <a:defRPr sz="1600" b="1"/>
            </a:lvl4pPr>
            <a:lvl5pPr marL="1827530" indent="0">
              <a:buNone/>
              <a:defRPr sz="1600" b="1"/>
            </a:lvl5pPr>
            <a:lvl6pPr marL="2284095" indent="0">
              <a:buNone/>
              <a:defRPr sz="1600" b="1"/>
            </a:lvl6pPr>
            <a:lvl7pPr marL="2741295" indent="0">
              <a:buNone/>
              <a:defRPr sz="1600" b="1"/>
            </a:lvl7pPr>
            <a:lvl8pPr marL="3197860" indent="0">
              <a:buNone/>
              <a:defRPr sz="1600" b="1"/>
            </a:lvl8pPr>
            <a:lvl9pPr marL="365506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2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SG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96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33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SG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96" y="2057401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6565" indent="0">
              <a:buNone/>
              <a:defRPr sz="1500"/>
            </a:lvl2pPr>
            <a:lvl3pPr marL="913765" indent="0">
              <a:buNone/>
              <a:defRPr sz="1200"/>
            </a:lvl3pPr>
            <a:lvl4pPr marL="1370330" indent="0">
              <a:buNone/>
              <a:defRPr sz="1100"/>
            </a:lvl4pPr>
            <a:lvl5pPr marL="1827530" indent="0">
              <a:buNone/>
              <a:defRPr sz="1100"/>
            </a:lvl5pPr>
            <a:lvl6pPr marL="2284095" indent="0">
              <a:buNone/>
              <a:defRPr sz="1100"/>
            </a:lvl6pPr>
            <a:lvl7pPr marL="2741295" indent="0">
              <a:buNone/>
              <a:defRPr sz="1100"/>
            </a:lvl7pPr>
            <a:lvl8pPr marL="3197860" indent="0">
              <a:buNone/>
              <a:defRPr sz="1100"/>
            </a:lvl8pPr>
            <a:lvl9pPr marL="3655060" indent="0">
              <a:buNone/>
              <a:defRPr sz="11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96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33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6565" indent="0">
              <a:buNone/>
              <a:defRPr sz="2800"/>
            </a:lvl2pPr>
            <a:lvl3pPr marL="913765" indent="0">
              <a:buNone/>
              <a:defRPr sz="2400"/>
            </a:lvl3pPr>
            <a:lvl4pPr marL="1370330" indent="0">
              <a:buNone/>
              <a:defRPr sz="2000"/>
            </a:lvl4pPr>
            <a:lvl5pPr marL="1827530" indent="0">
              <a:buNone/>
              <a:defRPr sz="2000"/>
            </a:lvl5pPr>
            <a:lvl6pPr marL="2284095" indent="0">
              <a:buNone/>
              <a:defRPr sz="2000"/>
            </a:lvl6pPr>
            <a:lvl7pPr marL="2741295" indent="0">
              <a:buNone/>
              <a:defRPr sz="2000"/>
            </a:lvl7pPr>
            <a:lvl8pPr marL="3197860" indent="0">
              <a:buNone/>
              <a:defRPr sz="2000"/>
            </a:lvl8pPr>
            <a:lvl9pPr marL="3655060" indent="0">
              <a:buNone/>
              <a:defRPr sz="2000"/>
            </a:lvl9pPr>
          </a:lstStyle>
          <a:p>
            <a:endParaRPr lang="en-SG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96" y="2057401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6565" indent="0">
              <a:buNone/>
              <a:defRPr sz="1500"/>
            </a:lvl2pPr>
            <a:lvl3pPr marL="913765" indent="0">
              <a:buNone/>
              <a:defRPr sz="1200"/>
            </a:lvl3pPr>
            <a:lvl4pPr marL="1370330" indent="0">
              <a:buNone/>
              <a:defRPr sz="1100"/>
            </a:lvl4pPr>
            <a:lvl5pPr marL="1827530" indent="0">
              <a:buNone/>
              <a:defRPr sz="1100"/>
            </a:lvl5pPr>
            <a:lvl6pPr marL="2284095" indent="0">
              <a:buNone/>
              <a:defRPr sz="1100"/>
            </a:lvl6pPr>
            <a:lvl7pPr marL="2741295" indent="0">
              <a:buNone/>
              <a:defRPr sz="1100"/>
            </a:lvl7pPr>
            <a:lvl8pPr marL="3197860" indent="0">
              <a:buNone/>
              <a:defRPr sz="1100"/>
            </a:lvl8pPr>
            <a:lvl9pPr marL="3655060" indent="0">
              <a:buNone/>
              <a:defRPr sz="11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SG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2" y="365126"/>
            <a:ext cx="2628900" cy="5811839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2" y="365126"/>
            <a:ext cx="7734300" cy="5811839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SG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直接连接符 1"/>
          <p:cNvCxnSpPr/>
          <p:nvPr userDrawn="1"/>
        </p:nvCxnSpPr>
        <p:spPr>
          <a:xfrm>
            <a:off x="0" y="634638"/>
            <a:ext cx="12192000" cy="0"/>
          </a:xfrm>
          <a:prstGeom prst="line">
            <a:avLst/>
          </a:prstGeom>
          <a:ln w="12700">
            <a:solidFill>
              <a:srgbClr val="1D425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" name="TextBox 24"/>
          <p:cNvSpPr txBox="1"/>
          <p:nvPr userDrawn="1"/>
        </p:nvSpPr>
        <p:spPr bwMode="auto">
          <a:xfrm>
            <a:off x="1880600" y="280135"/>
            <a:ext cx="1392235" cy="283031"/>
          </a:xfrm>
          <a:prstGeom prst="rect">
            <a:avLst/>
          </a:prstGeom>
          <a:noFill/>
          <a:ln w="9525">
            <a:noFill/>
            <a:miter lim="800000"/>
          </a:ln>
        </p:spPr>
        <p:txBody>
          <a:bodyPr wrap="none" lIns="0" tIns="0" rIns="0" bIns="0" anchor="ctr" anchorCtr="1">
            <a:noAutofit/>
            <a:scene3d>
              <a:camera prst="orthographicFront"/>
              <a:lightRig rig="threePt" dir="t"/>
            </a:scene3d>
            <a:sp3d>
              <a:bevelT w="0" h="0"/>
            </a:sp3d>
          </a:bodyPr>
          <a:lstStyle/>
          <a:p>
            <a:pPr marL="0" marR="0" lvl="1" indent="0" algn="ctr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r>
              <a:rPr lang="en-US" sz="1200" b="1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                                                                                                                                                            </a:t>
            </a:r>
            <a:endParaRPr lang="en-US" sz="1200" b="1" kern="1200" dirty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pPr marL="0" marR="0" lvl="1" indent="0" algn="ctr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r>
              <a:rPr lang="en-US" sz="1200" b="1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                                                                                                                                                               </a:t>
            </a:r>
            <a:endParaRPr lang="en-US" sz="1200" b="1" kern="1200" dirty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pPr marL="0" marR="0" lvl="1" indent="0" algn="ctr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r>
              <a:rPr lang="en-US" sz="1200" b="1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                                                                                                                                                               </a:t>
            </a:r>
            <a:r>
              <a:rPr lang="en-US" sz="1800" b="1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en-US" sz="2400" b="1" kern="1200" dirty="0" err="1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BẢNG</a:t>
            </a:r>
            <a:r>
              <a:rPr lang="en-US" sz="2400" b="1" kern="1200" baseline="0" dirty="0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en-US" sz="2400" b="1" kern="1200" baseline="0" dirty="0" err="1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TUẦN</a:t>
            </a:r>
            <a:r>
              <a:rPr lang="en-US" sz="2400" b="1" kern="1200" baseline="0" dirty="0">
                <a:solidFill>
                  <a:srgbClr val="FF0000"/>
                </a:solidFill>
                <a:effectLst/>
                <a:latin typeface="+mn-lt"/>
                <a:ea typeface="+mn-ea"/>
                <a:cs typeface="+mn-cs"/>
              </a:rPr>
              <a:t> HOÀN THÔNG MINH</a:t>
            </a:r>
            <a:endParaRPr lang="en-US" sz="1600" b="1" kern="1200" dirty="0">
              <a:solidFill>
                <a:srgbClr val="FF0000"/>
              </a:solidFill>
              <a:effectLst/>
              <a:latin typeface="+mn-lt"/>
              <a:ea typeface="+mn-ea"/>
              <a:cs typeface="+mn-cs"/>
            </a:endParaRPr>
          </a:p>
          <a:p>
            <a:pPr marL="0" lvl="1" algn="ctr"/>
            <a:endParaRPr lang="zh-CN" altLang="en-US" sz="2000" b="1" dirty="0">
              <a:solidFill>
                <a:srgbClr val="1D4251"/>
              </a:solidFill>
              <a:latin typeface="方正综艺简体" panose="02010601030101010101" pitchFamily="2" charset="-122"/>
              <a:ea typeface="方正综艺简体" panose="02010601030101010101" pitchFamily="2" charset="-122"/>
            </a:endParaRPr>
          </a:p>
        </p:txBody>
      </p:sp>
      <p:sp>
        <p:nvSpPr>
          <p:cNvPr id="4" name="箭头: V 形 7"/>
          <p:cNvSpPr/>
          <p:nvPr userDrawn="1"/>
        </p:nvSpPr>
        <p:spPr>
          <a:xfrm>
            <a:off x="175022" y="208652"/>
            <a:ext cx="425996" cy="425996"/>
          </a:xfrm>
          <a:prstGeom prst="chevron">
            <a:avLst/>
          </a:prstGeom>
          <a:solidFill>
            <a:srgbClr val="1D425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 sz="3200">
              <a:solidFill>
                <a:schemeClr val="tx1"/>
              </a:solidFill>
            </a:endParaRPr>
          </a:p>
        </p:txBody>
      </p:sp>
      <p:sp>
        <p:nvSpPr>
          <p:cNvPr id="5" name="箭头: V 形 7"/>
          <p:cNvSpPr/>
          <p:nvPr userDrawn="1"/>
        </p:nvSpPr>
        <p:spPr>
          <a:xfrm>
            <a:off x="891459" y="208652"/>
            <a:ext cx="425996" cy="425996"/>
          </a:xfrm>
          <a:prstGeom prst="chevron">
            <a:avLst/>
          </a:prstGeom>
          <a:solidFill>
            <a:srgbClr val="1D425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 sz="3200">
              <a:solidFill>
                <a:schemeClr val="tx1"/>
              </a:solidFill>
            </a:endParaRPr>
          </a:p>
        </p:txBody>
      </p:sp>
      <p:sp>
        <p:nvSpPr>
          <p:cNvPr id="6" name="箭头: V 形 7"/>
          <p:cNvSpPr/>
          <p:nvPr userDrawn="1"/>
        </p:nvSpPr>
        <p:spPr>
          <a:xfrm>
            <a:off x="1607896" y="191175"/>
            <a:ext cx="425996" cy="425996"/>
          </a:xfrm>
          <a:prstGeom prst="chevron">
            <a:avLst/>
          </a:prstGeom>
          <a:solidFill>
            <a:srgbClr val="1D425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 sz="3200">
              <a:solidFill>
                <a:schemeClr val="tx1"/>
              </a:solidFill>
            </a:endParaRPr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ntr" presetSubtype="2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4" presetClass="entr" presetSubtype="1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4" presetClass="entr" presetSubtype="1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4" grpId="0" animBg="1"/>
      <p:bldP spid="5" grpId="0" animBg="1"/>
      <p:bldP spid="6" grpId="0" animBg="1"/>
    </p:bld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ColTx" matchingName="Title and two columns">
  <p:cSld name="Title and two columns">
    <p:spTree>
      <p:nvGrpSpPr>
        <p:cNvPr id="1" name="Shape 1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0" name="Google Shape;120;p5"/>
          <p:cNvSpPr txBox="1">
            <a:spLocks noGrp="1"/>
          </p:cNvSpPr>
          <p:nvPr>
            <p:ph type="title"/>
          </p:nvPr>
        </p:nvSpPr>
        <p:spPr>
          <a:xfrm>
            <a:off x="950967" y="719333"/>
            <a:ext cx="10290000" cy="763600"/>
          </a:xfrm>
          <a:prstGeom prst="rect">
            <a:avLst/>
          </a:prstGeom>
        </p:spPr>
        <p:txBody>
          <a:bodyPr spcFirstLastPara="1" wrap="square" lIns="121897" tIns="121897" rIns="121897" bIns="121897" anchor="t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32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32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32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32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32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32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32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32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3200"/>
              <a:buNone/>
              <a:defRPr/>
            </a:lvl9pPr>
          </a:lstStyle>
          <a:p/>
        </p:txBody>
      </p:sp>
      <p:sp>
        <p:nvSpPr>
          <p:cNvPr id="121" name="Google Shape;121;p5"/>
          <p:cNvSpPr txBox="1">
            <a:spLocks noGrp="1"/>
          </p:cNvSpPr>
          <p:nvPr>
            <p:ph type="body" idx="1"/>
          </p:nvPr>
        </p:nvSpPr>
        <p:spPr>
          <a:xfrm>
            <a:off x="1621867" y="4085833"/>
            <a:ext cx="4200800" cy="1611600"/>
          </a:xfrm>
          <a:prstGeom prst="rect">
            <a:avLst/>
          </a:prstGeom>
        </p:spPr>
        <p:txBody>
          <a:bodyPr spcFirstLastPara="1" wrap="square" lIns="121897" tIns="121897" rIns="121897" bIns="121897" anchor="t" anchorCtr="0">
            <a:noAutofit/>
          </a:bodyPr>
          <a:lstStyle>
            <a:lvl1pPr marL="609600" lvl="0" indent="-440055" algn="ctr">
              <a:spcBef>
                <a:spcPts val="0"/>
              </a:spcBef>
              <a:spcAft>
                <a:spcPts val="0"/>
              </a:spcAft>
              <a:buSzPts val="1600"/>
              <a:buChar char="●"/>
              <a:defRPr/>
            </a:lvl1pPr>
            <a:lvl2pPr marL="1219200" lvl="1" indent="-440055">
              <a:spcBef>
                <a:spcPts val="0"/>
              </a:spcBef>
              <a:spcAft>
                <a:spcPts val="0"/>
              </a:spcAft>
              <a:buSzPts val="1600"/>
              <a:buChar char="○"/>
              <a:defRPr/>
            </a:lvl2pPr>
            <a:lvl3pPr marL="1828800" lvl="2" indent="-440055">
              <a:spcBef>
                <a:spcPts val="0"/>
              </a:spcBef>
              <a:spcAft>
                <a:spcPts val="0"/>
              </a:spcAft>
              <a:buSzPts val="1600"/>
              <a:buChar char="■"/>
              <a:defRPr/>
            </a:lvl3pPr>
            <a:lvl4pPr marL="2438400" lvl="3" indent="-440055">
              <a:spcBef>
                <a:spcPts val="0"/>
              </a:spcBef>
              <a:spcAft>
                <a:spcPts val="0"/>
              </a:spcAft>
              <a:buSzPts val="1600"/>
              <a:buChar char="●"/>
              <a:defRPr/>
            </a:lvl4pPr>
            <a:lvl5pPr marL="3048000" lvl="4" indent="-440055">
              <a:spcBef>
                <a:spcPts val="0"/>
              </a:spcBef>
              <a:spcAft>
                <a:spcPts val="0"/>
              </a:spcAft>
              <a:buSzPts val="1600"/>
              <a:buChar char="○"/>
              <a:defRPr/>
            </a:lvl5pPr>
            <a:lvl6pPr marL="3657600" lvl="5" indent="-440055">
              <a:spcBef>
                <a:spcPts val="0"/>
              </a:spcBef>
              <a:spcAft>
                <a:spcPts val="0"/>
              </a:spcAft>
              <a:buSzPts val="1600"/>
              <a:buChar char="■"/>
              <a:defRPr/>
            </a:lvl6pPr>
            <a:lvl7pPr marL="4267200" lvl="6" indent="-440055">
              <a:spcBef>
                <a:spcPts val="0"/>
              </a:spcBef>
              <a:spcAft>
                <a:spcPts val="0"/>
              </a:spcAft>
              <a:buSzPts val="1600"/>
              <a:buChar char="●"/>
              <a:defRPr/>
            </a:lvl7pPr>
            <a:lvl8pPr marL="4876800" lvl="7" indent="-440055">
              <a:spcBef>
                <a:spcPts val="0"/>
              </a:spcBef>
              <a:spcAft>
                <a:spcPts val="0"/>
              </a:spcAft>
              <a:buSzPts val="1600"/>
              <a:buChar char="○"/>
              <a:defRPr/>
            </a:lvl8pPr>
            <a:lvl9pPr marL="5486400" lvl="8" indent="-440055">
              <a:spcBef>
                <a:spcPts val="0"/>
              </a:spcBef>
              <a:spcAft>
                <a:spcPts val="0"/>
              </a:spcAft>
              <a:buSzPts val="1600"/>
              <a:buChar char="■"/>
              <a:defRPr/>
            </a:lvl9pPr>
          </a:lstStyle>
          <a:p/>
        </p:txBody>
      </p:sp>
      <p:sp>
        <p:nvSpPr>
          <p:cNvPr id="122" name="Google Shape;122;p5"/>
          <p:cNvSpPr txBox="1">
            <a:spLocks noGrp="1"/>
          </p:cNvSpPr>
          <p:nvPr>
            <p:ph type="body" idx="2"/>
          </p:nvPr>
        </p:nvSpPr>
        <p:spPr>
          <a:xfrm>
            <a:off x="6369472" y="4085833"/>
            <a:ext cx="4200800" cy="1611600"/>
          </a:xfrm>
          <a:prstGeom prst="rect">
            <a:avLst/>
          </a:prstGeom>
        </p:spPr>
        <p:txBody>
          <a:bodyPr spcFirstLastPara="1" wrap="square" lIns="121897" tIns="121897" rIns="121897" bIns="121897" anchor="t" anchorCtr="0">
            <a:noAutofit/>
          </a:bodyPr>
          <a:lstStyle>
            <a:lvl1pPr marL="609600" lvl="0" indent="-440055" algn="ctr">
              <a:spcBef>
                <a:spcPts val="0"/>
              </a:spcBef>
              <a:spcAft>
                <a:spcPts val="0"/>
              </a:spcAft>
              <a:buSzPts val="1600"/>
              <a:buChar char="●"/>
              <a:defRPr/>
            </a:lvl1pPr>
            <a:lvl2pPr marL="1219200" lvl="1" indent="-440055">
              <a:spcBef>
                <a:spcPts val="0"/>
              </a:spcBef>
              <a:spcAft>
                <a:spcPts val="0"/>
              </a:spcAft>
              <a:buSzPts val="1600"/>
              <a:buChar char="○"/>
              <a:defRPr/>
            </a:lvl2pPr>
            <a:lvl3pPr marL="1828800" lvl="2" indent="-440055">
              <a:spcBef>
                <a:spcPts val="0"/>
              </a:spcBef>
              <a:spcAft>
                <a:spcPts val="0"/>
              </a:spcAft>
              <a:buSzPts val="1600"/>
              <a:buChar char="■"/>
              <a:defRPr/>
            </a:lvl3pPr>
            <a:lvl4pPr marL="2438400" lvl="3" indent="-440055">
              <a:spcBef>
                <a:spcPts val="0"/>
              </a:spcBef>
              <a:spcAft>
                <a:spcPts val="0"/>
              </a:spcAft>
              <a:buSzPts val="1600"/>
              <a:buChar char="●"/>
              <a:defRPr/>
            </a:lvl4pPr>
            <a:lvl5pPr marL="3048000" lvl="4" indent="-440055">
              <a:spcBef>
                <a:spcPts val="0"/>
              </a:spcBef>
              <a:spcAft>
                <a:spcPts val="0"/>
              </a:spcAft>
              <a:buSzPts val="1600"/>
              <a:buChar char="○"/>
              <a:defRPr/>
            </a:lvl5pPr>
            <a:lvl6pPr marL="3657600" lvl="5" indent="-440055">
              <a:spcBef>
                <a:spcPts val="0"/>
              </a:spcBef>
              <a:spcAft>
                <a:spcPts val="0"/>
              </a:spcAft>
              <a:buSzPts val="1600"/>
              <a:buChar char="■"/>
              <a:defRPr/>
            </a:lvl6pPr>
            <a:lvl7pPr marL="4267200" lvl="6" indent="-440055">
              <a:spcBef>
                <a:spcPts val="0"/>
              </a:spcBef>
              <a:spcAft>
                <a:spcPts val="0"/>
              </a:spcAft>
              <a:buSzPts val="1600"/>
              <a:buChar char="●"/>
              <a:defRPr/>
            </a:lvl7pPr>
            <a:lvl8pPr marL="4876800" lvl="7" indent="-440055">
              <a:spcBef>
                <a:spcPts val="0"/>
              </a:spcBef>
              <a:spcAft>
                <a:spcPts val="0"/>
              </a:spcAft>
              <a:buSzPts val="1600"/>
              <a:buChar char="○"/>
              <a:defRPr/>
            </a:lvl8pPr>
            <a:lvl9pPr marL="5486400" lvl="8" indent="-440055">
              <a:spcBef>
                <a:spcPts val="0"/>
              </a:spcBef>
              <a:spcAft>
                <a:spcPts val="0"/>
              </a:spcAft>
              <a:buSzPts val="1600"/>
              <a:buChar char="■"/>
              <a:defRPr/>
            </a:lvl9pPr>
          </a:lstStyle>
          <a:p/>
        </p:txBody>
      </p:sp>
      <p:sp>
        <p:nvSpPr>
          <p:cNvPr id="123" name="Google Shape;123;p5"/>
          <p:cNvSpPr txBox="1">
            <a:spLocks noGrp="1"/>
          </p:cNvSpPr>
          <p:nvPr>
            <p:ph type="title" idx="3"/>
          </p:nvPr>
        </p:nvSpPr>
        <p:spPr>
          <a:xfrm>
            <a:off x="1621867" y="3479300"/>
            <a:ext cx="4200800" cy="661600"/>
          </a:xfrm>
          <a:prstGeom prst="rect">
            <a:avLst/>
          </a:prstGeom>
        </p:spPr>
        <p:txBody>
          <a:bodyPr spcFirstLastPara="1" wrap="square" lIns="121897" tIns="121897" rIns="121897" bIns="121897" anchor="t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200"/>
              <a:buNone/>
              <a:defRPr sz="3700"/>
            </a:lvl1pPr>
            <a:lvl2pPr lvl="1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9pPr>
          </a:lstStyle>
          <a:p/>
        </p:txBody>
      </p:sp>
      <p:sp>
        <p:nvSpPr>
          <p:cNvPr id="124" name="Google Shape;124;p5"/>
          <p:cNvSpPr txBox="1">
            <a:spLocks noGrp="1"/>
          </p:cNvSpPr>
          <p:nvPr>
            <p:ph type="title" idx="4"/>
          </p:nvPr>
        </p:nvSpPr>
        <p:spPr>
          <a:xfrm>
            <a:off x="6369484" y="3479300"/>
            <a:ext cx="4200800" cy="661600"/>
          </a:xfrm>
          <a:prstGeom prst="rect">
            <a:avLst/>
          </a:prstGeom>
        </p:spPr>
        <p:txBody>
          <a:bodyPr spcFirstLastPara="1" wrap="square" lIns="121897" tIns="121897" rIns="121897" bIns="121897" anchor="t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200"/>
              <a:buNone/>
              <a:defRPr sz="3700"/>
            </a:lvl1pPr>
            <a:lvl2pPr lvl="1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200"/>
              <a:buNone/>
              <a:defRPr>
                <a:latin typeface="Poppins" panose="00000500000000000000"/>
                <a:ea typeface="Poppins" panose="00000500000000000000"/>
                <a:cs typeface="Poppins" panose="00000500000000000000"/>
                <a:sym typeface="Poppins" panose="00000500000000000000"/>
              </a:defRPr>
            </a:lvl9pPr>
          </a:lstStyle>
          <a:p/>
        </p:txBody>
      </p:sp>
      <p:sp>
        <p:nvSpPr>
          <p:cNvPr id="125" name="Google Shape;125;p5"/>
          <p:cNvSpPr/>
          <p:nvPr/>
        </p:nvSpPr>
        <p:spPr>
          <a:xfrm>
            <a:off x="-685733" y="-357067"/>
            <a:ext cx="1760809" cy="4442899"/>
          </a:xfrm>
          <a:custGeom>
            <a:avLst/>
            <a:gdLst/>
            <a:ahLst/>
            <a:cxnLst/>
            <a:rect l="l" t="t" r="r" b="b"/>
            <a:pathLst>
              <a:path w="46260" h="141134" extrusionOk="0">
                <a:moveTo>
                  <a:pt x="21790" y="0"/>
                </a:moveTo>
                <a:cubicBezTo>
                  <a:pt x="20371" y="0"/>
                  <a:pt x="18969" y="142"/>
                  <a:pt x="17599" y="460"/>
                </a:cubicBezTo>
                <a:cubicBezTo>
                  <a:pt x="2365" y="4021"/>
                  <a:pt x="5662" y="29908"/>
                  <a:pt x="4962" y="41524"/>
                </a:cubicBezTo>
                <a:cubicBezTo>
                  <a:pt x="3853" y="59706"/>
                  <a:pt x="3503" y="77947"/>
                  <a:pt x="3590" y="96158"/>
                </a:cubicBezTo>
                <a:cubicBezTo>
                  <a:pt x="3649" y="106490"/>
                  <a:pt x="1" y="122921"/>
                  <a:pt x="7764" y="131297"/>
                </a:cubicBezTo>
                <a:cubicBezTo>
                  <a:pt x="13718" y="137718"/>
                  <a:pt x="23874" y="139265"/>
                  <a:pt x="32017" y="140929"/>
                </a:cubicBezTo>
                <a:cubicBezTo>
                  <a:pt x="32701" y="141067"/>
                  <a:pt x="33353" y="141134"/>
                  <a:pt x="33974" y="141134"/>
                </a:cubicBezTo>
                <a:cubicBezTo>
                  <a:pt x="43579" y="141134"/>
                  <a:pt x="45810" y="125173"/>
                  <a:pt x="46084" y="110809"/>
                </a:cubicBezTo>
                <a:cubicBezTo>
                  <a:pt x="46259" y="101499"/>
                  <a:pt x="45617" y="92860"/>
                  <a:pt x="45588" y="89679"/>
                </a:cubicBezTo>
                <a:cubicBezTo>
                  <a:pt x="45500" y="63879"/>
                  <a:pt x="45792" y="38080"/>
                  <a:pt x="46026" y="12280"/>
                </a:cubicBezTo>
                <a:cubicBezTo>
                  <a:pt x="46026" y="10908"/>
                  <a:pt x="46026" y="9420"/>
                  <a:pt x="45267" y="8282"/>
                </a:cubicBezTo>
                <a:cubicBezTo>
                  <a:pt x="44596" y="7289"/>
                  <a:pt x="43457" y="6735"/>
                  <a:pt x="42377" y="6239"/>
                </a:cubicBezTo>
                <a:cubicBezTo>
                  <a:pt x="36304" y="3494"/>
                  <a:pt x="28836" y="0"/>
                  <a:pt x="21790" y="0"/>
                </a:cubicBezTo>
                <a:close/>
              </a:path>
            </a:pathLst>
          </a:custGeom>
          <a:solidFill>
            <a:schemeClr val="lt2"/>
          </a:solidFill>
          <a:ln>
            <a:noFill/>
          </a:ln>
        </p:spPr>
        <p:txBody>
          <a:bodyPr spcFirstLastPara="1" wrap="square" lIns="121897" tIns="121897" rIns="121897" bIns="121897" anchor="ctr" anchorCtr="0">
            <a:noAutofit/>
          </a:bodyPr>
          <a:lstStyle/>
          <a:p>
            <a:pPr defTabSz="914400">
              <a:buClr>
                <a:srgbClr val="000000"/>
              </a:buClr>
              <a:buFont typeface="Arial" panose="020B0604020202020204"/>
              <a:buNone/>
            </a:pPr>
            <a:endParaRPr kern="0">
              <a:solidFill>
                <a:srgbClr val="000000"/>
              </a:solidFill>
              <a:cs typeface="Arial" panose="020B0604020202020204"/>
              <a:sym typeface="Arial" panose="020B0604020202020204"/>
            </a:endParaRPr>
          </a:p>
        </p:txBody>
      </p:sp>
      <p:grpSp>
        <p:nvGrpSpPr>
          <p:cNvPr id="126" name="Google Shape;126;p5"/>
          <p:cNvGrpSpPr/>
          <p:nvPr/>
        </p:nvGrpSpPr>
        <p:grpSpPr>
          <a:xfrm rot="-5400000">
            <a:off x="10142477" y="264305"/>
            <a:ext cx="2456417" cy="1147857"/>
            <a:chOff x="2431350" y="1519275"/>
            <a:chExt cx="925925" cy="432675"/>
          </a:xfrm>
        </p:grpSpPr>
        <p:sp>
          <p:nvSpPr>
            <p:cNvPr id="127" name="Google Shape;127;p5"/>
            <p:cNvSpPr/>
            <p:nvPr/>
          </p:nvSpPr>
          <p:spPr>
            <a:xfrm>
              <a:off x="2436450" y="1902400"/>
              <a:ext cx="822325" cy="49550"/>
            </a:xfrm>
            <a:custGeom>
              <a:avLst/>
              <a:gdLst/>
              <a:ahLst/>
              <a:cxnLst/>
              <a:rect l="l" t="t" r="r" b="b"/>
              <a:pathLst>
                <a:path w="32893" h="1982" extrusionOk="0">
                  <a:moveTo>
                    <a:pt x="409" y="1"/>
                  </a:moveTo>
                  <a:cubicBezTo>
                    <a:pt x="1" y="1"/>
                    <a:pt x="1" y="613"/>
                    <a:pt x="322" y="789"/>
                  </a:cubicBezTo>
                  <a:cubicBezTo>
                    <a:pt x="2008" y="1611"/>
                    <a:pt x="3847" y="1626"/>
                    <a:pt x="5683" y="1626"/>
                  </a:cubicBezTo>
                  <a:cubicBezTo>
                    <a:pt x="5754" y="1626"/>
                    <a:pt x="5825" y="1626"/>
                    <a:pt x="5895" y="1626"/>
                  </a:cubicBezTo>
                  <a:cubicBezTo>
                    <a:pt x="6531" y="1626"/>
                    <a:pt x="7166" y="1628"/>
                    <a:pt x="7793" y="1664"/>
                  </a:cubicBezTo>
                  <a:cubicBezTo>
                    <a:pt x="8508" y="1722"/>
                    <a:pt x="9231" y="1752"/>
                    <a:pt x="9953" y="1752"/>
                  </a:cubicBezTo>
                  <a:cubicBezTo>
                    <a:pt x="10675" y="1752"/>
                    <a:pt x="11398" y="1722"/>
                    <a:pt x="12113" y="1664"/>
                  </a:cubicBezTo>
                  <a:cubicBezTo>
                    <a:pt x="12527" y="1639"/>
                    <a:pt x="12941" y="1626"/>
                    <a:pt x="13355" y="1626"/>
                  </a:cubicBezTo>
                  <a:cubicBezTo>
                    <a:pt x="14398" y="1626"/>
                    <a:pt x="15437" y="1709"/>
                    <a:pt x="16461" y="1898"/>
                  </a:cubicBezTo>
                  <a:cubicBezTo>
                    <a:pt x="16869" y="1957"/>
                    <a:pt x="17274" y="1982"/>
                    <a:pt x="17677" y="1982"/>
                  </a:cubicBezTo>
                  <a:cubicBezTo>
                    <a:pt x="19663" y="1982"/>
                    <a:pt x="21593" y="1372"/>
                    <a:pt x="23582" y="1226"/>
                  </a:cubicBezTo>
                  <a:cubicBezTo>
                    <a:pt x="24416" y="1177"/>
                    <a:pt x="25250" y="1160"/>
                    <a:pt x="26084" y="1160"/>
                  </a:cubicBezTo>
                  <a:cubicBezTo>
                    <a:pt x="27855" y="1160"/>
                    <a:pt x="29627" y="1236"/>
                    <a:pt x="31398" y="1236"/>
                  </a:cubicBezTo>
                  <a:cubicBezTo>
                    <a:pt x="31741" y="1236"/>
                    <a:pt x="32083" y="1233"/>
                    <a:pt x="32426" y="1226"/>
                  </a:cubicBezTo>
                  <a:cubicBezTo>
                    <a:pt x="32893" y="1226"/>
                    <a:pt x="32893" y="409"/>
                    <a:pt x="32426" y="409"/>
                  </a:cubicBezTo>
                  <a:cubicBezTo>
                    <a:pt x="31381" y="388"/>
                    <a:pt x="30337" y="379"/>
                    <a:pt x="29293" y="379"/>
                  </a:cubicBezTo>
                  <a:cubicBezTo>
                    <a:pt x="27389" y="379"/>
                    <a:pt x="25486" y="411"/>
                    <a:pt x="23582" y="467"/>
                  </a:cubicBezTo>
                  <a:cubicBezTo>
                    <a:pt x="22042" y="505"/>
                    <a:pt x="20429" y="676"/>
                    <a:pt x="18844" y="676"/>
                  </a:cubicBezTo>
                  <a:cubicBezTo>
                    <a:pt x="17967" y="676"/>
                    <a:pt x="17099" y="623"/>
                    <a:pt x="16257" y="467"/>
                  </a:cubicBezTo>
                  <a:cubicBezTo>
                    <a:pt x="15265" y="295"/>
                    <a:pt x="14273" y="250"/>
                    <a:pt x="13280" y="250"/>
                  </a:cubicBezTo>
                  <a:cubicBezTo>
                    <a:pt x="12193" y="250"/>
                    <a:pt x="11105" y="304"/>
                    <a:pt x="10013" y="304"/>
                  </a:cubicBezTo>
                  <a:cubicBezTo>
                    <a:pt x="9401" y="304"/>
                    <a:pt x="8788" y="287"/>
                    <a:pt x="8173" y="234"/>
                  </a:cubicBezTo>
                  <a:cubicBezTo>
                    <a:pt x="5575" y="1"/>
                    <a:pt x="2978" y="146"/>
                    <a:pt x="409" y="1"/>
                  </a:cubicBez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28" name="Google Shape;128;p5"/>
            <p:cNvSpPr/>
            <p:nvPr/>
          </p:nvSpPr>
          <p:spPr>
            <a:xfrm>
              <a:off x="2458550" y="1828350"/>
              <a:ext cx="822000" cy="58175"/>
            </a:xfrm>
            <a:custGeom>
              <a:avLst/>
              <a:gdLst/>
              <a:ahLst/>
              <a:cxnLst/>
              <a:rect l="l" t="t" r="r" b="b"/>
              <a:pathLst>
                <a:path w="32880" h="2327" extrusionOk="0">
                  <a:moveTo>
                    <a:pt x="3976" y="0"/>
                  </a:moveTo>
                  <a:cubicBezTo>
                    <a:pt x="2648" y="0"/>
                    <a:pt x="1335" y="132"/>
                    <a:pt x="138" y="599"/>
                  </a:cubicBezTo>
                  <a:cubicBezTo>
                    <a:pt x="0" y="654"/>
                    <a:pt x="19" y="893"/>
                    <a:pt x="146" y="893"/>
                  </a:cubicBezTo>
                  <a:cubicBezTo>
                    <a:pt x="153" y="893"/>
                    <a:pt x="160" y="892"/>
                    <a:pt x="167" y="890"/>
                  </a:cubicBezTo>
                  <a:lnTo>
                    <a:pt x="167" y="920"/>
                  </a:lnTo>
                  <a:cubicBezTo>
                    <a:pt x="346" y="908"/>
                    <a:pt x="526" y="903"/>
                    <a:pt x="707" y="903"/>
                  </a:cubicBezTo>
                  <a:cubicBezTo>
                    <a:pt x="1912" y="903"/>
                    <a:pt x="3152" y="1124"/>
                    <a:pt x="4370" y="1124"/>
                  </a:cubicBezTo>
                  <a:cubicBezTo>
                    <a:pt x="5771" y="1124"/>
                    <a:pt x="7230" y="1270"/>
                    <a:pt x="8660" y="1299"/>
                  </a:cubicBezTo>
                  <a:lnTo>
                    <a:pt x="12980" y="1299"/>
                  </a:lnTo>
                  <a:cubicBezTo>
                    <a:pt x="14410" y="1299"/>
                    <a:pt x="15811" y="1562"/>
                    <a:pt x="17241" y="1649"/>
                  </a:cubicBezTo>
                  <a:cubicBezTo>
                    <a:pt x="18184" y="1717"/>
                    <a:pt x="19131" y="1740"/>
                    <a:pt x="20079" y="1740"/>
                  </a:cubicBezTo>
                  <a:cubicBezTo>
                    <a:pt x="21975" y="1740"/>
                    <a:pt x="23876" y="1649"/>
                    <a:pt x="25763" y="1649"/>
                  </a:cubicBezTo>
                  <a:cubicBezTo>
                    <a:pt x="26156" y="1615"/>
                    <a:pt x="26559" y="1601"/>
                    <a:pt x="26967" y="1601"/>
                  </a:cubicBezTo>
                  <a:cubicBezTo>
                    <a:pt x="27255" y="1601"/>
                    <a:pt x="27545" y="1608"/>
                    <a:pt x="27835" y="1620"/>
                  </a:cubicBezTo>
                  <a:cubicBezTo>
                    <a:pt x="28331" y="1678"/>
                    <a:pt x="28857" y="1853"/>
                    <a:pt x="29382" y="1941"/>
                  </a:cubicBezTo>
                  <a:cubicBezTo>
                    <a:pt x="29954" y="2020"/>
                    <a:pt x="30727" y="2326"/>
                    <a:pt x="31411" y="2326"/>
                  </a:cubicBezTo>
                  <a:cubicBezTo>
                    <a:pt x="31739" y="2326"/>
                    <a:pt x="32045" y="2256"/>
                    <a:pt x="32300" y="2058"/>
                  </a:cubicBezTo>
                  <a:cubicBezTo>
                    <a:pt x="32880" y="1623"/>
                    <a:pt x="32501" y="629"/>
                    <a:pt x="31989" y="629"/>
                  </a:cubicBezTo>
                  <a:cubicBezTo>
                    <a:pt x="31882" y="629"/>
                    <a:pt x="31769" y="673"/>
                    <a:pt x="31658" y="774"/>
                  </a:cubicBezTo>
                  <a:cubicBezTo>
                    <a:pt x="31555" y="853"/>
                    <a:pt x="31415" y="883"/>
                    <a:pt x="31258" y="883"/>
                  </a:cubicBezTo>
                  <a:cubicBezTo>
                    <a:pt x="30837" y="883"/>
                    <a:pt x="30292" y="670"/>
                    <a:pt x="29995" y="628"/>
                  </a:cubicBezTo>
                  <a:cubicBezTo>
                    <a:pt x="29440" y="599"/>
                    <a:pt x="28886" y="569"/>
                    <a:pt x="28360" y="482"/>
                  </a:cubicBezTo>
                  <a:cubicBezTo>
                    <a:pt x="27909" y="407"/>
                    <a:pt x="27453" y="383"/>
                    <a:pt x="26997" y="383"/>
                  </a:cubicBezTo>
                  <a:cubicBezTo>
                    <a:pt x="26214" y="383"/>
                    <a:pt x="25428" y="453"/>
                    <a:pt x="24654" y="453"/>
                  </a:cubicBezTo>
                  <a:cubicBezTo>
                    <a:pt x="22984" y="453"/>
                    <a:pt x="21292" y="528"/>
                    <a:pt x="19612" y="528"/>
                  </a:cubicBezTo>
                  <a:cubicBezTo>
                    <a:pt x="18532" y="528"/>
                    <a:pt x="17457" y="497"/>
                    <a:pt x="16394" y="394"/>
                  </a:cubicBezTo>
                  <a:cubicBezTo>
                    <a:pt x="15081" y="248"/>
                    <a:pt x="13768" y="161"/>
                    <a:pt x="12454" y="132"/>
                  </a:cubicBezTo>
                  <a:cubicBezTo>
                    <a:pt x="11287" y="132"/>
                    <a:pt x="10120" y="218"/>
                    <a:pt x="8952" y="218"/>
                  </a:cubicBezTo>
                  <a:cubicBezTo>
                    <a:pt x="8602" y="218"/>
                    <a:pt x="8252" y="210"/>
                    <a:pt x="7902" y="190"/>
                  </a:cubicBezTo>
                  <a:cubicBezTo>
                    <a:pt x="6647" y="132"/>
                    <a:pt x="5304" y="0"/>
                    <a:pt x="3976" y="0"/>
                  </a:cubicBez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29" name="Google Shape;129;p5"/>
            <p:cNvSpPr/>
            <p:nvPr/>
          </p:nvSpPr>
          <p:spPr>
            <a:xfrm>
              <a:off x="2431350" y="1738000"/>
              <a:ext cx="883975" cy="71800"/>
            </a:xfrm>
            <a:custGeom>
              <a:avLst/>
              <a:gdLst/>
              <a:ahLst/>
              <a:cxnLst/>
              <a:rect l="l" t="t" r="r" b="b"/>
              <a:pathLst>
                <a:path w="35359" h="2872" extrusionOk="0">
                  <a:moveTo>
                    <a:pt x="21524" y="0"/>
                  </a:moveTo>
                  <a:cubicBezTo>
                    <a:pt x="20534" y="0"/>
                    <a:pt x="19535" y="39"/>
                    <a:pt x="18562" y="39"/>
                  </a:cubicBezTo>
                  <a:cubicBezTo>
                    <a:pt x="15469" y="68"/>
                    <a:pt x="12463" y="506"/>
                    <a:pt x="9398" y="710"/>
                  </a:cubicBezTo>
                  <a:cubicBezTo>
                    <a:pt x="8843" y="744"/>
                    <a:pt x="8288" y="752"/>
                    <a:pt x="7735" y="752"/>
                  </a:cubicBezTo>
                  <a:cubicBezTo>
                    <a:pt x="7286" y="752"/>
                    <a:pt x="6838" y="747"/>
                    <a:pt x="6393" y="747"/>
                  </a:cubicBezTo>
                  <a:cubicBezTo>
                    <a:pt x="5972" y="747"/>
                    <a:pt x="5553" y="751"/>
                    <a:pt x="5137" y="769"/>
                  </a:cubicBezTo>
                  <a:cubicBezTo>
                    <a:pt x="3561" y="856"/>
                    <a:pt x="2014" y="1323"/>
                    <a:pt x="467" y="1586"/>
                  </a:cubicBezTo>
                  <a:cubicBezTo>
                    <a:pt x="1" y="1673"/>
                    <a:pt x="1" y="2345"/>
                    <a:pt x="467" y="2432"/>
                  </a:cubicBezTo>
                  <a:lnTo>
                    <a:pt x="467" y="2461"/>
                  </a:lnTo>
                  <a:cubicBezTo>
                    <a:pt x="734" y="2492"/>
                    <a:pt x="998" y="2505"/>
                    <a:pt x="1261" y="2505"/>
                  </a:cubicBezTo>
                  <a:cubicBezTo>
                    <a:pt x="2499" y="2505"/>
                    <a:pt x="3711" y="2223"/>
                    <a:pt x="4962" y="2199"/>
                  </a:cubicBezTo>
                  <a:cubicBezTo>
                    <a:pt x="5306" y="2186"/>
                    <a:pt x="5647" y="2181"/>
                    <a:pt x="5985" y="2181"/>
                  </a:cubicBezTo>
                  <a:cubicBezTo>
                    <a:pt x="6589" y="2181"/>
                    <a:pt x="7185" y="2195"/>
                    <a:pt x="7778" y="2195"/>
                  </a:cubicBezTo>
                  <a:cubicBezTo>
                    <a:pt x="8320" y="2195"/>
                    <a:pt x="8859" y="2183"/>
                    <a:pt x="9398" y="2140"/>
                  </a:cubicBezTo>
                  <a:cubicBezTo>
                    <a:pt x="12463" y="1965"/>
                    <a:pt x="15498" y="1527"/>
                    <a:pt x="18562" y="1527"/>
                  </a:cubicBezTo>
                  <a:cubicBezTo>
                    <a:pt x="19438" y="1527"/>
                    <a:pt x="20334" y="1496"/>
                    <a:pt x="21233" y="1496"/>
                  </a:cubicBezTo>
                  <a:cubicBezTo>
                    <a:pt x="21832" y="1496"/>
                    <a:pt x="22432" y="1510"/>
                    <a:pt x="23028" y="1557"/>
                  </a:cubicBezTo>
                  <a:cubicBezTo>
                    <a:pt x="24283" y="1644"/>
                    <a:pt x="25538" y="1994"/>
                    <a:pt x="26793" y="2053"/>
                  </a:cubicBezTo>
                  <a:cubicBezTo>
                    <a:pt x="28077" y="2111"/>
                    <a:pt x="29244" y="2315"/>
                    <a:pt x="30441" y="2432"/>
                  </a:cubicBezTo>
                  <a:cubicBezTo>
                    <a:pt x="31730" y="2544"/>
                    <a:pt x="33019" y="2872"/>
                    <a:pt x="34308" y="2872"/>
                  </a:cubicBezTo>
                  <a:cubicBezTo>
                    <a:pt x="34362" y="2872"/>
                    <a:pt x="34415" y="2871"/>
                    <a:pt x="34468" y="2870"/>
                  </a:cubicBezTo>
                  <a:cubicBezTo>
                    <a:pt x="35358" y="2870"/>
                    <a:pt x="35345" y="1176"/>
                    <a:pt x="34511" y="1176"/>
                  </a:cubicBezTo>
                  <a:cubicBezTo>
                    <a:pt x="34497" y="1176"/>
                    <a:pt x="34483" y="1176"/>
                    <a:pt x="34468" y="1177"/>
                  </a:cubicBezTo>
                  <a:cubicBezTo>
                    <a:pt x="34175" y="1201"/>
                    <a:pt x="33881" y="1211"/>
                    <a:pt x="33588" y="1211"/>
                  </a:cubicBezTo>
                  <a:cubicBezTo>
                    <a:pt x="31313" y="1211"/>
                    <a:pt x="29038" y="587"/>
                    <a:pt x="26763" y="535"/>
                  </a:cubicBezTo>
                  <a:cubicBezTo>
                    <a:pt x="25508" y="506"/>
                    <a:pt x="24253" y="127"/>
                    <a:pt x="22998" y="39"/>
                  </a:cubicBezTo>
                  <a:cubicBezTo>
                    <a:pt x="22512" y="10"/>
                    <a:pt x="22019" y="0"/>
                    <a:pt x="21524" y="0"/>
                  </a:cubicBez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30" name="Google Shape;130;p5"/>
            <p:cNvSpPr/>
            <p:nvPr/>
          </p:nvSpPr>
          <p:spPr>
            <a:xfrm>
              <a:off x="2465650" y="1677525"/>
              <a:ext cx="858050" cy="41800"/>
            </a:xfrm>
            <a:custGeom>
              <a:avLst/>
              <a:gdLst/>
              <a:ahLst/>
              <a:cxnLst/>
              <a:rect l="l" t="t" r="r" b="b"/>
              <a:pathLst>
                <a:path w="34322" h="1672" extrusionOk="0">
                  <a:moveTo>
                    <a:pt x="18410" y="1"/>
                  </a:moveTo>
                  <a:cubicBezTo>
                    <a:pt x="18024" y="1"/>
                    <a:pt x="17636" y="2"/>
                    <a:pt x="17249" y="6"/>
                  </a:cubicBezTo>
                  <a:cubicBezTo>
                    <a:pt x="14505" y="36"/>
                    <a:pt x="11791" y="36"/>
                    <a:pt x="9077" y="182"/>
                  </a:cubicBezTo>
                  <a:cubicBezTo>
                    <a:pt x="6100" y="328"/>
                    <a:pt x="3152" y="707"/>
                    <a:pt x="205" y="911"/>
                  </a:cubicBezTo>
                  <a:cubicBezTo>
                    <a:pt x="0" y="911"/>
                    <a:pt x="0" y="1261"/>
                    <a:pt x="205" y="1291"/>
                  </a:cubicBezTo>
                  <a:lnTo>
                    <a:pt x="175" y="1261"/>
                  </a:lnTo>
                  <a:lnTo>
                    <a:pt x="175" y="1261"/>
                  </a:lnTo>
                  <a:cubicBezTo>
                    <a:pt x="1531" y="1315"/>
                    <a:pt x="2862" y="1440"/>
                    <a:pt x="4235" y="1440"/>
                  </a:cubicBezTo>
                  <a:cubicBezTo>
                    <a:pt x="4370" y="1440"/>
                    <a:pt x="4505" y="1439"/>
                    <a:pt x="4641" y="1437"/>
                  </a:cubicBezTo>
                  <a:cubicBezTo>
                    <a:pt x="6042" y="1407"/>
                    <a:pt x="7442" y="1320"/>
                    <a:pt x="8843" y="1291"/>
                  </a:cubicBezTo>
                  <a:cubicBezTo>
                    <a:pt x="10244" y="1232"/>
                    <a:pt x="11645" y="1218"/>
                    <a:pt x="13042" y="1218"/>
                  </a:cubicBezTo>
                  <a:cubicBezTo>
                    <a:pt x="14440" y="1218"/>
                    <a:pt x="15833" y="1232"/>
                    <a:pt x="17220" y="1232"/>
                  </a:cubicBezTo>
                  <a:cubicBezTo>
                    <a:pt x="19875" y="1232"/>
                    <a:pt x="22502" y="1378"/>
                    <a:pt x="25158" y="1378"/>
                  </a:cubicBezTo>
                  <a:lnTo>
                    <a:pt x="29536" y="1378"/>
                  </a:lnTo>
                  <a:cubicBezTo>
                    <a:pt x="29983" y="1378"/>
                    <a:pt x="30431" y="1352"/>
                    <a:pt x="30870" y="1352"/>
                  </a:cubicBezTo>
                  <a:cubicBezTo>
                    <a:pt x="31089" y="1352"/>
                    <a:pt x="31306" y="1359"/>
                    <a:pt x="31520" y="1378"/>
                  </a:cubicBezTo>
                  <a:cubicBezTo>
                    <a:pt x="32162" y="1407"/>
                    <a:pt x="32863" y="1641"/>
                    <a:pt x="33534" y="1670"/>
                  </a:cubicBezTo>
                  <a:cubicBezTo>
                    <a:pt x="33549" y="1671"/>
                    <a:pt x="33564" y="1672"/>
                    <a:pt x="33579" y="1672"/>
                  </a:cubicBezTo>
                  <a:cubicBezTo>
                    <a:pt x="34322" y="1672"/>
                    <a:pt x="34307" y="240"/>
                    <a:pt x="33534" y="240"/>
                  </a:cubicBezTo>
                  <a:cubicBezTo>
                    <a:pt x="32308" y="240"/>
                    <a:pt x="31082" y="62"/>
                    <a:pt x="29809" y="62"/>
                  </a:cubicBezTo>
                  <a:cubicBezTo>
                    <a:pt x="29718" y="62"/>
                    <a:pt x="29627" y="63"/>
                    <a:pt x="29536" y="65"/>
                  </a:cubicBezTo>
                  <a:lnTo>
                    <a:pt x="25391" y="65"/>
                  </a:lnTo>
                  <a:cubicBezTo>
                    <a:pt x="23040" y="65"/>
                    <a:pt x="20731" y="1"/>
                    <a:pt x="18410" y="1"/>
                  </a:cubicBez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31" name="Google Shape;131;p5"/>
            <p:cNvSpPr/>
            <p:nvPr/>
          </p:nvSpPr>
          <p:spPr>
            <a:xfrm>
              <a:off x="2461275" y="1595975"/>
              <a:ext cx="869550" cy="44525"/>
            </a:xfrm>
            <a:custGeom>
              <a:avLst/>
              <a:gdLst/>
              <a:ahLst/>
              <a:cxnLst/>
              <a:rect l="l" t="t" r="r" b="b"/>
              <a:pathLst>
                <a:path w="34782" h="1781" extrusionOk="0">
                  <a:moveTo>
                    <a:pt x="28756" y="1"/>
                  </a:moveTo>
                  <a:cubicBezTo>
                    <a:pt x="28433" y="1"/>
                    <a:pt x="28109" y="18"/>
                    <a:pt x="27784" y="58"/>
                  </a:cubicBezTo>
                  <a:cubicBezTo>
                    <a:pt x="26354" y="204"/>
                    <a:pt x="24924" y="233"/>
                    <a:pt x="23494" y="233"/>
                  </a:cubicBezTo>
                  <a:cubicBezTo>
                    <a:pt x="23325" y="236"/>
                    <a:pt x="23155" y="238"/>
                    <a:pt x="22987" y="238"/>
                  </a:cubicBezTo>
                  <a:cubicBezTo>
                    <a:pt x="21614" y="238"/>
                    <a:pt x="20260" y="142"/>
                    <a:pt x="18883" y="116"/>
                  </a:cubicBezTo>
                  <a:cubicBezTo>
                    <a:pt x="18561" y="107"/>
                    <a:pt x="18239" y="103"/>
                    <a:pt x="17917" y="103"/>
                  </a:cubicBezTo>
                  <a:cubicBezTo>
                    <a:pt x="15111" y="103"/>
                    <a:pt x="12286" y="411"/>
                    <a:pt x="9485" y="438"/>
                  </a:cubicBezTo>
                  <a:cubicBezTo>
                    <a:pt x="7997" y="438"/>
                    <a:pt x="6479" y="438"/>
                    <a:pt x="4991" y="525"/>
                  </a:cubicBezTo>
                  <a:cubicBezTo>
                    <a:pt x="3386" y="613"/>
                    <a:pt x="1839" y="1021"/>
                    <a:pt x="263" y="1255"/>
                  </a:cubicBezTo>
                  <a:cubicBezTo>
                    <a:pt x="0" y="1284"/>
                    <a:pt x="0" y="1692"/>
                    <a:pt x="263" y="1722"/>
                  </a:cubicBezTo>
                  <a:lnTo>
                    <a:pt x="234" y="1692"/>
                  </a:lnTo>
                  <a:lnTo>
                    <a:pt x="234" y="1692"/>
                  </a:lnTo>
                  <a:cubicBezTo>
                    <a:pt x="620" y="1722"/>
                    <a:pt x="1003" y="1733"/>
                    <a:pt x="1385" y="1733"/>
                  </a:cubicBezTo>
                  <a:cubicBezTo>
                    <a:pt x="2528" y="1733"/>
                    <a:pt x="3656" y="1634"/>
                    <a:pt x="4816" y="1634"/>
                  </a:cubicBezTo>
                  <a:cubicBezTo>
                    <a:pt x="6333" y="1634"/>
                    <a:pt x="7938" y="1663"/>
                    <a:pt x="9485" y="1663"/>
                  </a:cubicBezTo>
                  <a:cubicBezTo>
                    <a:pt x="12217" y="1663"/>
                    <a:pt x="14927" y="1378"/>
                    <a:pt x="17634" y="1378"/>
                  </a:cubicBezTo>
                  <a:cubicBezTo>
                    <a:pt x="18050" y="1378"/>
                    <a:pt x="18467" y="1385"/>
                    <a:pt x="18883" y="1401"/>
                  </a:cubicBezTo>
                  <a:cubicBezTo>
                    <a:pt x="20634" y="1453"/>
                    <a:pt x="22396" y="1527"/>
                    <a:pt x="24162" y="1527"/>
                  </a:cubicBezTo>
                  <a:cubicBezTo>
                    <a:pt x="25339" y="1527"/>
                    <a:pt x="26518" y="1494"/>
                    <a:pt x="27697" y="1401"/>
                  </a:cubicBezTo>
                  <a:cubicBezTo>
                    <a:pt x="28193" y="1346"/>
                    <a:pt x="28696" y="1316"/>
                    <a:pt x="29202" y="1316"/>
                  </a:cubicBezTo>
                  <a:cubicBezTo>
                    <a:pt x="29767" y="1316"/>
                    <a:pt x="30337" y="1353"/>
                    <a:pt x="30907" y="1430"/>
                  </a:cubicBezTo>
                  <a:cubicBezTo>
                    <a:pt x="31929" y="1634"/>
                    <a:pt x="32979" y="1751"/>
                    <a:pt x="34030" y="1780"/>
                  </a:cubicBezTo>
                  <a:cubicBezTo>
                    <a:pt x="34781" y="1780"/>
                    <a:pt x="34760" y="408"/>
                    <a:pt x="34052" y="408"/>
                  </a:cubicBezTo>
                  <a:cubicBezTo>
                    <a:pt x="34045" y="408"/>
                    <a:pt x="34038" y="408"/>
                    <a:pt x="34030" y="408"/>
                  </a:cubicBezTo>
                  <a:cubicBezTo>
                    <a:pt x="33874" y="417"/>
                    <a:pt x="33719" y="421"/>
                    <a:pt x="33563" y="421"/>
                  </a:cubicBezTo>
                  <a:cubicBezTo>
                    <a:pt x="31967" y="421"/>
                    <a:pt x="30369" y="1"/>
                    <a:pt x="28756" y="1"/>
                  </a:cubicBez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32" name="Google Shape;132;p5"/>
            <p:cNvSpPr/>
            <p:nvPr/>
          </p:nvSpPr>
          <p:spPr>
            <a:xfrm>
              <a:off x="2476600" y="1519275"/>
              <a:ext cx="880675" cy="52375"/>
            </a:xfrm>
            <a:custGeom>
              <a:avLst/>
              <a:gdLst/>
              <a:ahLst/>
              <a:cxnLst/>
              <a:rect l="l" t="t" r="r" b="b"/>
              <a:pathLst>
                <a:path w="35227" h="2095" extrusionOk="0">
                  <a:moveTo>
                    <a:pt x="23244" y="1"/>
                  </a:moveTo>
                  <a:cubicBezTo>
                    <a:pt x="23162" y="1"/>
                    <a:pt x="23080" y="2"/>
                    <a:pt x="22998" y="3"/>
                  </a:cubicBezTo>
                  <a:cubicBezTo>
                    <a:pt x="21422" y="3"/>
                    <a:pt x="19846" y="149"/>
                    <a:pt x="18270" y="149"/>
                  </a:cubicBezTo>
                  <a:cubicBezTo>
                    <a:pt x="18192" y="148"/>
                    <a:pt x="18115" y="148"/>
                    <a:pt x="18037" y="148"/>
                  </a:cubicBezTo>
                  <a:cubicBezTo>
                    <a:pt x="15082" y="148"/>
                    <a:pt x="12181" y="676"/>
                    <a:pt x="9252" y="733"/>
                  </a:cubicBezTo>
                  <a:cubicBezTo>
                    <a:pt x="7705" y="762"/>
                    <a:pt x="6187" y="733"/>
                    <a:pt x="4640" y="820"/>
                  </a:cubicBezTo>
                  <a:cubicBezTo>
                    <a:pt x="3911" y="850"/>
                    <a:pt x="3152" y="820"/>
                    <a:pt x="2422" y="908"/>
                  </a:cubicBezTo>
                  <a:cubicBezTo>
                    <a:pt x="1664" y="996"/>
                    <a:pt x="992" y="1229"/>
                    <a:pt x="263" y="1317"/>
                  </a:cubicBezTo>
                  <a:cubicBezTo>
                    <a:pt x="0" y="1346"/>
                    <a:pt x="0" y="1725"/>
                    <a:pt x="263" y="1784"/>
                  </a:cubicBezTo>
                  <a:lnTo>
                    <a:pt x="292" y="1784"/>
                  </a:lnTo>
                  <a:cubicBezTo>
                    <a:pt x="1908" y="1998"/>
                    <a:pt x="3572" y="2045"/>
                    <a:pt x="5239" y="2045"/>
                  </a:cubicBezTo>
                  <a:cubicBezTo>
                    <a:pt x="6522" y="2045"/>
                    <a:pt x="7808" y="2017"/>
                    <a:pt x="9077" y="2017"/>
                  </a:cubicBezTo>
                  <a:cubicBezTo>
                    <a:pt x="11988" y="1989"/>
                    <a:pt x="14873" y="1487"/>
                    <a:pt x="17807" y="1487"/>
                  </a:cubicBezTo>
                  <a:cubicBezTo>
                    <a:pt x="17961" y="1487"/>
                    <a:pt x="18115" y="1489"/>
                    <a:pt x="18270" y="1492"/>
                  </a:cubicBezTo>
                  <a:cubicBezTo>
                    <a:pt x="18387" y="1494"/>
                    <a:pt x="18503" y="1495"/>
                    <a:pt x="18620" y="1495"/>
                  </a:cubicBezTo>
                  <a:cubicBezTo>
                    <a:pt x="20021" y="1495"/>
                    <a:pt x="21420" y="1346"/>
                    <a:pt x="22794" y="1346"/>
                  </a:cubicBezTo>
                  <a:cubicBezTo>
                    <a:pt x="24224" y="1346"/>
                    <a:pt x="25595" y="1579"/>
                    <a:pt x="27026" y="1579"/>
                  </a:cubicBezTo>
                  <a:cubicBezTo>
                    <a:pt x="28339" y="1579"/>
                    <a:pt x="29623" y="1871"/>
                    <a:pt x="30936" y="1988"/>
                  </a:cubicBezTo>
                  <a:cubicBezTo>
                    <a:pt x="31054" y="1999"/>
                    <a:pt x="31170" y="2002"/>
                    <a:pt x="31283" y="2002"/>
                  </a:cubicBezTo>
                  <a:cubicBezTo>
                    <a:pt x="31563" y="2002"/>
                    <a:pt x="31833" y="1979"/>
                    <a:pt x="32107" y="1979"/>
                  </a:cubicBezTo>
                  <a:cubicBezTo>
                    <a:pt x="32324" y="1979"/>
                    <a:pt x="32544" y="1994"/>
                    <a:pt x="32775" y="2046"/>
                  </a:cubicBezTo>
                  <a:cubicBezTo>
                    <a:pt x="33117" y="2080"/>
                    <a:pt x="33449" y="2095"/>
                    <a:pt x="33782" y="2095"/>
                  </a:cubicBezTo>
                  <a:cubicBezTo>
                    <a:pt x="34018" y="2095"/>
                    <a:pt x="34255" y="2088"/>
                    <a:pt x="34497" y="2075"/>
                  </a:cubicBezTo>
                  <a:cubicBezTo>
                    <a:pt x="35227" y="2075"/>
                    <a:pt x="35227" y="733"/>
                    <a:pt x="34497" y="733"/>
                  </a:cubicBezTo>
                  <a:cubicBezTo>
                    <a:pt x="34351" y="740"/>
                    <a:pt x="34207" y="744"/>
                    <a:pt x="34064" y="744"/>
                  </a:cubicBezTo>
                  <a:cubicBezTo>
                    <a:pt x="33634" y="744"/>
                    <a:pt x="33213" y="711"/>
                    <a:pt x="32775" y="645"/>
                  </a:cubicBezTo>
                  <a:cubicBezTo>
                    <a:pt x="32614" y="609"/>
                    <a:pt x="32456" y="596"/>
                    <a:pt x="32298" y="596"/>
                  </a:cubicBezTo>
                  <a:cubicBezTo>
                    <a:pt x="31930" y="596"/>
                    <a:pt x="31567" y="666"/>
                    <a:pt x="31197" y="666"/>
                  </a:cubicBezTo>
                  <a:cubicBezTo>
                    <a:pt x="31091" y="666"/>
                    <a:pt x="30985" y="660"/>
                    <a:pt x="30878" y="645"/>
                  </a:cubicBezTo>
                  <a:cubicBezTo>
                    <a:pt x="29652" y="441"/>
                    <a:pt x="28397" y="295"/>
                    <a:pt x="27171" y="237"/>
                  </a:cubicBezTo>
                  <a:cubicBezTo>
                    <a:pt x="25853" y="209"/>
                    <a:pt x="24560" y="1"/>
                    <a:pt x="23244" y="1"/>
                  </a:cubicBez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</p:grpSp>
      <p:grpSp>
        <p:nvGrpSpPr>
          <p:cNvPr id="133" name="Google Shape;133;p5"/>
          <p:cNvGrpSpPr/>
          <p:nvPr/>
        </p:nvGrpSpPr>
        <p:grpSpPr>
          <a:xfrm>
            <a:off x="653747" y="3183925"/>
            <a:ext cx="692663" cy="3830627"/>
            <a:chOff x="5379800" y="2555600"/>
            <a:chExt cx="236425" cy="1307500"/>
          </a:xfrm>
        </p:grpSpPr>
        <p:sp>
          <p:nvSpPr>
            <p:cNvPr id="134" name="Google Shape;134;p5"/>
            <p:cNvSpPr/>
            <p:nvPr/>
          </p:nvSpPr>
          <p:spPr>
            <a:xfrm>
              <a:off x="5379800" y="2555600"/>
              <a:ext cx="106550" cy="325250"/>
            </a:xfrm>
            <a:custGeom>
              <a:avLst/>
              <a:gdLst/>
              <a:ahLst/>
              <a:cxnLst/>
              <a:rect l="l" t="t" r="r" b="b"/>
              <a:pathLst>
                <a:path w="4262" h="13010" extrusionOk="0">
                  <a:moveTo>
                    <a:pt x="1646" y="0"/>
                  </a:moveTo>
                  <a:cubicBezTo>
                    <a:pt x="1085" y="0"/>
                    <a:pt x="528" y="322"/>
                    <a:pt x="321" y="956"/>
                  </a:cubicBezTo>
                  <a:cubicBezTo>
                    <a:pt x="88" y="1540"/>
                    <a:pt x="0" y="2182"/>
                    <a:pt x="58" y="2824"/>
                  </a:cubicBezTo>
                  <a:cubicBezTo>
                    <a:pt x="58" y="3554"/>
                    <a:pt x="175" y="4313"/>
                    <a:pt x="350" y="5013"/>
                  </a:cubicBezTo>
                  <a:cubicBezTo>
                    <a:pt x="759" y="6472"/>
                    <a:pt x="1693" y="7727"/>
                    <a:pt x="2452" y="9041"/>
                  </a:cubicBezTo>
                  <a:cubicBezTo>
                    <a:pt x="3152" y="10237"/>
                    <a:pt x="3765" y="11609"/>
                    <a:pt x="3619" y="13010"/>
                  </a:cubicBezTo>
                  <a:cubicBezTo>
                    <a:pt x="4261" y="9479"/>
                    <a:pt x="3823" y="5918"/>
                    <a:pt x="3327" y="2387"/>
                  </a:cubicBezTo>
                  <a:cubicBezTo>
                    <a:pt x="3298" y="1861"/>
                    <a:pt x="3152" y="1365"/>
                    <a:pt x="2977" y="927"/>
                  </a:cubicBezTo>
                  <a:cubicBezTo>
                    <a:pt x="2746" y="307"/>
                    <a:pt x="2195" y="0"/>
                    <a:pt x="1646" y="0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35" name="Google Shape;135;p5"/>
            <p:cNvSpPr/>
            <p:nvPr/>
          </p:nvSpPr>
          <p:spPr>
            <a:xfrm>
              <a:off x="5484850" y="2738550"/>
              <a:ext cx="120425" cy="245925"/>
            </a:xfrm>
            <a:custGeom>
              <a:avLst/>
              <a:gdLst/>
              <a:ahLst/>
              <a:cxnLst/>
              <a:rect l="l" t="t" r="r" b="b"/>
              <a:pathLst>
                <a:path w="4817" h="9837" extrusionOk="0">
                  <a:moveTo>
                    <a:pt x="4087" y="1"/>
                  </a:moveTo>
                  <a:cubicBezTo>
                    <a:pt x="3766" y="1"/>
                    <a:pt x="3474" y="176"/>
                    <a:pt x="3299" y="439"/>
                  </a:cubicBezTo>
                  <a:cubicBezTo>
                    <a:pt x="2044" y="1956"/>
                    <a:pt x="1489" y="3941"/>
                    <a:pt x="993" y="5867"/>
                  </a:cubicBezTo>
                  <a:cubicBezTo>
                    <a:pt x="672" y="7151"/>
                    <a:pt x="176" y="8494"/>
                    <a:pt x="1" y="9836"/>
                  </a:cubicBezTo>
                  <a:cubicBezTo>
                    <a:pt x="1869" y="8260"/>
                    <a:pt x="2978" y="5458"/>
                    <a:pt x="4028" y="3328"/>
                  </a:cubicBezTo>
                  <a:cubicBezTo>
                    <a:pt x="4408" y="2540"/>
                    <a:pt x="4816" y="1694"/>
                    <a:pt x="4700" y="818"/>
                  </a:cubicBezTo>
                  <a:cubicBezTo>
                    <a:pt x="4641" y="439"/>
                    <a:pt x="4437" y="30"/>
                    <a:pt x="4087" y="1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36" name="Google Shape;136;p5"/>
            <p:cNvSpPr/>
            <p:nvPr/>
          </p:nvSpPr>
          <p:spPr>
            <a:xfrm>
              <a:off x="5379800" y="2998700"/>
              <a:ext cx="85375" cy="238225"/>
            </a:xfrm>
            <a:custGeom>
              <a:avLst/>
              <a:gdLst/>
              <a:ahLst/>
              <a:cxnLst/>
              <a:rect l="l" t="t" r="r" b="b"/>
              <a:pathLst>
                <a:path w="3415" h="9529" extrusionOk="0">
                  <a:moveTo>
                    <a:pt x="435" y="0"/>
                  </a:moveTo>
                  <a:cubicBezTo>
                    <a:pt x="365" y="0"/>
                    <a:pt x="297" y="22"/>
                    <a:pt x="234" y="72"/>
                  </a:cubicBezTo>
                  <a:cubicBezTo>
                    <a:pt x="58" y="247"/>
                    <a:pt x="0" y="481"/>
                    <a:pt x="29" y="744"/>
                  </a:cubicBezTo>
                  <a:cubicBezTo>
                    <a:pt x="146" y="2320"/>
                    <a:pt x="584" y="3896"/>
                    <a:pt x="1255" y="5326"/>
                  </a:cubicBezTo>
                  <a:cubicBezTo>
                    <a:pt x="1926" y="6727"/>
                    <a:pt x="2831" y="8011"/>
                    <a:pt x="3269" y="9528"/>
                  </a:cubicBezTo>
                  <a:cubicBezTo>
                    <a:pt x="3415" y="6668"/>
                    <a:pt x="2627" y="3049"/>
                    <a:pt x="1109" y="539"/>
                  </a:cubicBezTo>
                  <a:cubicBezTo>
                    <a:pt x="972" y="288"/>
                    <a:pt x="691" y="0"/>
                    <a:pt x="435" y="0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37" name="Google Shape;137;p5"/>
            <p:cNvSpPr/>
            <p:nvPr/>
          </p:nvSpPr>
          <p:spPr>
            <a:xfrm>
              <a:off x="5482675" y="3168100"/>
              <a:ext cx="133550" cy="266550"/>
            </a:xfrm>
            <a:custGeom>
              <a:avLst/>
              <a:gdLst/>
              <a:ahLst/>
              <a:cxnLst/>
              <a:rect l="l" t="t" r="r" b="b"/>
              <a:pathLst>
                <a:path w="5342" h="10662" extrusionOk="0">
                  <a:moveTo>
                    <a:pt x="4710" y="0"/>
                  </a:moveTo>
                  <a:cubicBezTo>
                    <a:pt x="4489" y="0"/>
                    <a:pt x="4244" y="172"/>
                    <a:pt x="4057" y="359"/>
                  </a:cubicBezTo>
                  <a:cubicBezTo>
                    <a:pt x="2247" y="2198"/>
                    <a:pt x="1547" y="4854"/>
                    <a:pt x="905" y="7364"/>
                  </a:cubicBezTo>
                  <a:cubicBezTo>
                    <a:pt x="671" y="8298"/>
                    <a:pt x="0" y="9728"/>
                    <a:pt x="263" y="10662"/>
                  </a:cubicBezTo>
                  <a:cubicBezTo>
                    <a:pt x="1255" y="8940"/>
                    <a:pt x="2101" y="7159"/>
                    <a:pt x="3269" y="5496"/>
                  </a:cubicBezTo>
                  <a:cubicBezTo>
                    <a:pt x="3823" y="4766"/>
                    <a:pt x="4349" y="3978"/>
                    <a:pt x="4757" y="3132"/>
                  </a:cubicBezTo>
                  <a:cubicBezTo>
                    <a:pt x="5195" y="2315"/>
                    <a:pt x="5341" y="1351"/>
                    <a:pt x="5137" y="418"/>
                  </a:cubicBezTo>
                  <a:cubicBezTo>
                    <a:pt x="5108" y="301"/>
                    <a:pt x="5049" y="184"/>
                    <a:pt x="4962" y="96"/>
                  </a:cubicBezTo>
                  <a:cubicBezTo>
                    <a:pt x="4886" y="29"/>
                    <a:pt x="4800" y="0"/>
                    <a:pt x="4710" y="0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38" name="Google Shape;138;p5"/>
            <p:cNvSpPr/>
            <p:nvPr/>
          </p:nvSpPr>
          <p:spPr>
            <a:xfrm>
              <a:off x="5386350" y="3444050"/>
              <a:ext cx="75175" cy="237950"/>
            </a:xfrm>
            <a:custGeom>
              <a:avLst/>
              <a:gdLst/>
              <a:ahLst/>
              <a:cxnLst/>
              <a:rect l="l" t="t" r="r" b="b"/>
              <a:pathLst>
                <a:path w="3007" h="9518" extrusionOk="0">
                  <a:moveTo>
                    <a:pt x="875" y="1"/>
                  </a:moveTo>
                  <a:cubicBezTo>
                    <a:pt x="738" y="1"/>
                    <a:pt x="599" y="30"/>
                    <a:pt x="468" y="90"/>
                  </a:cubicBezTo>
                  <a:cubicBezTo>
                    <a:pt x="59" y="324"/>
                    <a:pt x="1" y="908"/>
                    <a:pt x="1" y="1404"/>
                  </a:cubicBezTo>
                  <a:cubicBezTo>
                    <a:pt x="59" y="3418"/>
                    <a:pt x="643" y="5402"/>
                    <a:pt x="1693" y="7124"/>
                  </a:cubicBezTo>
                  <a:cubicBezTo>
                    <a:pt x="2075" y="7743"/>
                    <a:pt x="2514" y="8343"/>
                    <a:pt x="2821" y="9035"/>
                  </a:cubicBezTo>
                  <a:lnTo>
                    <a:pt x="2821" y="9035"/>
                  </a:lnTo>
                  <a:cubicBezTo>
                    <a:pt x="2008" y="6606"/>
                    <a:pt x="2786" y="3837"/>
                    <a:pt x="2102" y="1375"/>
                  </a:cubicBezTo>
                  <a:cubicBezTo>
                    <a:pt x="2044" y="966"/>
                    <a:pt x="1839" y="587"/>
                    <a:pt x="1577" y="295"/>
                  </a:cubicBezTo>
                  <a:cubicBezTo>
                    <a:pt x="1386" y="104"/>
                    <a:pt x="1133" y="1"/>
                    <a:pt x="875" y="1"/>
                  </a:cubicBezTo>
                  <a:close/>
                  <a:moveTo>
                    <a:pt x="2821" y="9035"/>
                  </a:moveTo>
                  <a:lnTo>
                    <a:pt x="2821" y="9035"/>
                  </a:lnTo>
                  <a:cubicBezTo>
                    <a:pt x="2876" y="9197"/>
                    <a:pt x="2937" y="9358"/>
                    <a:pt x="3007" y="9517"/>
                  </a:cubicBezTo>
                  <a:cubicBezTo>
                    <a:pt x="2953" y="9351"/>
                    <a:pt x="2891" y="9191"/>
                    <a:pt x="2821" y="9035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39" name="Google Shape;139;p5"/>
            <p:cNvSpPr/>
            <p:nvPr/>
          </p:nvSpPr>
          <p:spPr>
            <a:xfrm>
              <a:off x="5458600" y="2859200"/>
              <a:ext cx="26275" cy="1003900"/>
            </a:xfrm>
            <a:custGeom>
              <a:avLst/>
              <a:gdLst/>
              <a:ahLst/>
              <a:cxnLst/>
              <a:rect l="l" t="t" r="r" b="b"/>
              <a:pathLst>
                <a:path w="1051" h="40156" extrusionOk="0">
                  <a:moveTo>
                    <a:pt x="628" y="1"/>
                  </a:moveTo>
                  <a:cubicBezTo>
                    <a:pt x="584" y="1"/>
                    <a:pt x="539" y="24"/>
                    <a:pt x="525" y="78"/>
                  </a:cubicBezTo>
                  <a:lnTo>
                    <a:pt x="555" y="78"/>
                  </a:lnTo>
                  <a:cubicBezTo>
                    <a:pt x="175" y="1596"/>
                    <a:pt x="263" y="3288"/>
                    <a:pt x="175" y="4835"/>
                  </a:cubicBezTo>
                  <a:cubicBezTo>
                    <a:pt x="117" y="6557"/>
                    <a:pt x="58" y="8250"/>
                    <a:pt x="58" y="9943"/>
                  </a:cubicBezTo>
                  <a:cubicBezTo>
                    <a:pt x="0" y="13357"/>
                    <a:pt x="58" y="16743"/>
                    <a:pt x="58" y="20128"/>
                  </a:cubicBezTo>
                  <a:cubicBezTo>
                    <a:pt x="58" y="23543"/>
                    <a:pt x="88" y="26841"/>
                    <a:pt x="117" y="30226"/>
                  </a:cubicBezTo>
                  <a:cubicBezTo>
                    <a:pt x="117" y="31890"/>
                    <a:pt x="204" y="33583"/>
                    <a:pt x="234" y="35246"/>
                  </a:cubicBezTo>
                  <a:cubicBezTo>
                    <a:pt x="263" y="36822"/>
                    <a:pt x="175" y="38457"/>
                    <a:pt x="409" y="40003"/>
                  </a:cubicBezTo>
                  <a:cubicBezTo>
                    <a:pt x="433" y="40111"/>
                    <a:pt x="506" y="40155"/>
                    <a:pt x="586" y="40155"/>
                  </a:cubicBezTo>
                  <a:cubicBezTo>
                    <a:pt x="701" y="40155"/>
                    <a:pt x="829" y="40065"/>
                    <a:pt x="846" y="39945"/>
                  </a:cubicBezTo>
                  <a:cubicBezTo>
                    <a:pt x="1051" y="38281"/>
                    <a:pt x="934" y="36559"/>
                    <a:pt x="934" y="34896"/>
                  </a:cubicBezTo>
                  <a:cubicBezTo>
                    <a:pt x="934" y="33232"/>
                    <a:pt x="963" y="31540"/>
                    <a:pt x="934" y="29847"/>
                  </a:cubicBezTo>
                  <a:cubicBezTo>
                    <a:pt x="876" y="26607"/>
                    <a:pt x="846" y="23368"/>
                    <a:pt x="817" y="20128"/>
                  </a:cubicBezTo>
                  <a:cubicBezTo>
                    <a:pt x="759" y="16918"/>
                    <a:pt x="700" y="13591"/>
                    <a:pt x="671" y="10322"/>
                  </a:cubicBezTo>
                  <a:cubicBezTo>
                    <a:pt x="671" y="8629"/>
                    <a:pt x="642" y="6907"/>
                    <a:pt x="671" y="5185"/>
                  </a:cubicBezTo>
                  <a:cubicBezTo>
                    <a:pt x="700" y="3493"/>
                    <a:pt x="905" y="1741"/>
                    <a:pt x="730" y="78"/>
                  </a:cubicBezTo>
                  <a:cubicBezTo>
                    <a:pt x="730" y="31"/>
                    <a:pt x="679" y="1"/>
                    <a:pt x="628" y="1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40" name="Google Shape;140;p5"/>
            <p:cNvSpPr/>
            <p:nvPr/>
          </p:nvSpPr>
          <p:spPr>
            <a:xfrm>
              <a:off x="5468800" y="2962325"/>
              <a:ext cx="32525" cy="84825"/>
            </a:xfrm>
            <a:custGeom>
              <a:avLst/>
              <a:gdLst/>
              <a:ahLst/>
              <a:cxnLst/>
              <a:rect l="l" t="t" r="r" b="b"/>
              <a:pathLst>
                <a:path w="1301" h="3393" extrusionOk="0">
                  <a:moveTo>
                    <a:pt x="1134" y="0"/>
                  </a:moveTo>
                  <a:cubicBezTo>
                    <a:pt x="1107" y="0"/>
                    <a:pt x="1078" y="12"/>
                    <a:pt x="1051" y="39"/>
                  </a:cubicBezTo>
                  <a:cubicBezTo>
                    <a:pt x="351" y="1002"/>
                    <a:pt x="1" y="2140"/>
                    <a:pt x="88" y="3337"/>
                  </a:cubicBezTo>
                  <a:cubicBezTo>
                    <a:pt x="88" y="3369"/>
                    <a:pt x="123" y="3392"/>
                    <a:pt x="155" y="3392"/>
                  </a:cubicBezTo>
                  <a:cubicBezTo>
                    <a:pt x="181" y="3392"/>
                    <a:pt x="205" y="3376"/>
                    <a:pt x="205" y="3337"/>
                  </a:cubicBezTo>
                  <a:cubicBezTo>
                    <a:pt x="292" y="2811"/>
                    <a:pt x="409" y="2315"/>
                    <a:pt x="555" y="1819"/>
                  </a:cubicBezTo>
                  <a:cubicBezTo>
                    <a:pt x="759" y="1265"/>
                    <a:pt x="1022" y="739"/>
                    <a:pt x="1256" y="214"/>
                  </a:cubicBezTo>
                  <a:cubicBezTo>
                    <a:pt x="1300" y="124"/>
                    <a:pt x="1225" y="0"/>
                    <a:pt x="1134" y="0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41" name="Google Shape;141;p5"/>
            <p:cNvSpPr/>
            <p:nvPr/>
          </p:nvSpPr>
          <p:spPr>
            <a:xfrm>
              <a:off x="5463700" y="3405650"/>
              <a:ext cx="39050" cy="79600"/>
            </a:xfrm>
            <a:custGeom>
              <a:avLst/>
              <a:gdLst/>
              <a:ahLst/>
              <a:cxnLst/>
              <a:rect l="l" t="t" r="r" b="b"/>
              <a:pathLst>
                <a:path w="1562" h="3184" extrusionOk="0">
                  <a:moveTo>
                    <a:pt x="1329" y="0"/>
                  </a:moveTo>
                  <a:cubicBezTo>
                    <a:pt x="1305" y="0"/>
                    <a:pt x="1280" y="7"/>
                    <a:pt x="1255" y="21"/>
                  </a:cubicBezTo>
                  <a:cubicBezTo>
                    <a:pt x="380" y="605"/>
                    <a:pt x="0" y="2064"/>
                    <a:pt x="205" y="3057"/>
                  </a:cubicBezTo>
                  <a:cubicBezTo>
                    <a:pt x="217" y="3144"/>
                    <a:pt x="284" y="3184"/>
                    <a:pt x="355" y="3184"/>
                  </a:cubicBezTo>
                  <a:cubicBezTo>
                    <a:pt x="451" y="3184"/>
                    <a:pt x="555" y="3115"/>
                    <a:pt x="555" y="2998"/>
                  </a:cubicBezTo>
                  <a:cubicBezTo>
                    <a:pt x="555" y="2502"/>
                    <a:pt x="613" y="2006"/>
                    <a:pt x="759" y="1539"/>
                  </a:cubicBezTo>
                  <a:cubicBezTo>
                    <a:pt x="963" y="1101"/>
                    <a:pt x="1226" y="663"/>
                    <a:pt x="1489" y="284"/>
                  </a:cubicBezTo>
                  <a:cubicBezTo>
                    <a:pt x="1562" y="162"/>
                    <a:pt x="1452" y="0"/>
                    <a:pt x="1329" y="0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</p:grpSp>
      <p:grpSp>
        <p:nvGrpSpPr>
          <p:cNvPr id="142" name="Google Shape;142;p5"/>
          <p:cNvGrpSpPr/>
          <p:nvPr/>
        </p:nvGrpSpPr>
        <p:grpSpPr>
          <a:xfrm>
            <a:off x="-66675" y="2956798"/>
            <a:ext cx="761072" cy="4104191"/>
            <a:chOff x="5133900" y="2478075"/>
            <a:chExt cx="259775" cy="1400875"/>
          </a:xfrm>
        </p:grpSpPr>
        <p:sp>
          <p:nvSpPr>
            <p:cNvPr id="143" name="Google Shape;143;p5"/>
            <p:cNvSpPr/>
            <p:nvPr/>
          </p:nvSpPr>
          <p:spPr>
            <a:xfrm>
              <a:off x="5133900" y="2647800"/>
              <a:ext cx="102600" cy="175450"/>
            </a:xfrm>
            <a:custGeom>
              <a:avLst/>
              <a:gdLst/>
              <a:ahLst/>
              <a:cxnLst/>
              <a:rect l="l" t="t" r="r" b="b"/>
              <a:pathLst>
                <a:path w="4104" h="7018" extrusionOk="0">
                  <a:moveTo>
                    <a:pt x="828" y="1"/>
                  </a:moveTo>
                  <a:cubicBezTo>
                    <a:pt x="787" y="1"/>
                    <a:pt x="744" y="4"/>
                    <a:pt x="701" y="12"/>
                  </a:cubicBezTo>
                  <a:cubicBezTo>
                    <a:pt x="351" y="99"/>
                    <a:pt x="88" y="391"/>
                    <a:pt x="59" y="771"/>
                  </a:cubicBezTo>
                  <a:cubicBezTo>
                    <a:pt x="1" y="1121"/>
                    <a:pt x="59" y="1471"/>
                    <a:pt x="176" y="1821"/>
                  </a:cubicBezTo>
                  <a:cubicBezTo>
                    <a:pt x="643" y="3368"/>
                    <a:pt x="1401" y="5294"/>
                    <a:pt x="2627" y="6462"/>
                  </a:cubicBezTo>
                  <a:cubicBezTo>
                    <a:pt x="3026" y="6855"/>
                    <a:pt x="3287" y="7018"/>
                    <a:pt x="3447" y="7018"/>
                  </a:cubicBezTo>
                  <a:cubicBezTo>
                    <a:pt x="4104" y="7018"/>
                    <a:pt x="3037" y="4254"/>
                    <a:pt x="2802" y="3456"/>
                  </a:cubicBezTo>
                  <a:cubicBezTo>
                    <a:pt x="2598" y="2551"/>
                    <a:pt x="2277" y="1675"/>
                    <a:pt x="1839" y="829"/>
                  </a:cubicBezTo>
                  <a:cubicBezTo>
                    <a:pt x="1626" y="403"/>
                    <a:pt x="1267" y="1"/>
                    <a:pt x="828" y="1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44" name="Google Shape;144;p5"/>
            <p:cNvSpPr/>
            <p:nvPr/>
          </p:nvSpPr>
          <p:spPr>
            <a:xfrm>
              <a:off x="5185700" y="2478075"/>
              <a:ext cx="59850" cy="225475"/>
            </a:xfrm>
            <a:custGeom>
              <a:avLst/>
              <a:gdLst/>
              <a:ahLst/>
              <a:cxnLst/>
              <a:rect l="l" t="t" r="r" b="b"/>
              <a:pathLst>
                <a:path w="2394" h="9019" extrusionOk="0">
                  <a:moveTo>
                    <a:pt x="1285" y="1"/>
                  </a:moveTo>
                  <a:cubicBezTo>
                    <a:pt x="1051" y="30"/>
                    <a:pt x="818" y="176"/>
                    <a:pt x="672" y="409"/>
                  </a:cubicBezTo>
                  <a:cubicBezTo>
                    <a:pt x="1" y="1314"/>
                    <a:pt x="59" y="2598"/>
                    <a:pt x="176" y="3736"/>
                  </a:cubicBezTo>
                  <a:cubicBezTo>
                    <a:pt x="351" y="5458"/>
                    <a:pt x="409" y="7414"/>
                    <a:pt x="1081" y="9019"/>
                  </a:cubicBezTo>
                  <a:cubicBezTo>
                    <a:pt x="2248" y="7326"/>
                    <a:pt x="2394" y="3036"/>
                    <a:pt x="2102" y="1051"/>
                  </a:cubicBezTo>
                  <a:cubicBezTo>
                    <a:pt x="2015" y="555"/>
                    <a:pt x="1781" y="1"/>
                    <a:pt x="1285" y="1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45" name="Google Shape;145;p5"/>
            <p:cNvSpPr/>
            <p:nvPr/>
          </p:nvSpPr>
          <p:spPr>
            <a:xfrm>
              <a:off x="5237500" y="2541875"/>
              <a:ext cx="76650" cy="250700"/>
            </a:xfrm>
            <a:custGeom>
              <a:avLst/>
              <a:gdLst/>
              <a:ahLst/>
              <a:cxnLst/>
              <a:rect l="l" t="t" r="r" b="b"/>
              <a:pathLst>
                <a:path w="3066" h="10028" extrusionOk="0">
                  <a:moveTo>
                    <a:pt x="2441" y="1"/>
                  </a:moveTo>
                  <a:cubicBezTo>
                    <a:pt x="2245" y="1"/>
                    <a:pt x="2035" y="184"/>
                    <a:pt x="1898" y="367"/>
                  </a:cubicBezTo>
                  <a:cubicBezTo>
                    <a:pt x="993" y="1651"/>
                    <a:pt x="672" y="3286"/>
                    <a:pt x="439" y="4862"/>
                  </a:cubicBezTo>
                  <a:cubicBezTo>
                    <a:pt x="147" y="6584"/>
                    <a:pt x="1" y="8306"/>
                    <a:pt x="1" y="10028"/>
                  </a:cubicBezTo>
                  <a:cubicBezTo>
                    <a:pt x="1227" y="7897"/>
                    <a:pt x="1898" y="5095"/>
                    <a:pt x="2598" y="2731"/>
                  </a:cubicBezTo>
                  <a:cubicBezTo>
                    <a:pt x="2832" y="1943"/>
                    <a:pt x="3065" y="1038"/>
                    <a:pt x="2744" y="280"/>
                  </a:cubicBezTo>
                  <a:cubicBezTo>
                    <a:pt x="2715" y="192"/>
                    <a:pt x="2657" y="105"/>
                    <a:pt x="2598" y="46"/>
                  </a:cubicBezTo>
                  <a:cubicBezTo>
                    <a:pt x="2548" y="15"/>
                    <a:pt x="2495" y="1"/>
                    <a:pt x="2441" y="1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46" name="Google Shape;146;p5"/>
            <p:cNvSpPr/>
            <p:nvPr/>
          </p:nvSpPr>
          <p:spPr>
            <a:xfrm>
              <a:off x="5268150" y="2833225"/>
              <a:ext cx="62050" cy="241725"/>
            </a:xfrm>
            <a:custGeom>
              <a:avLst/>
              <a:gdLst/>
              <a:ahLst/>
              <a:cxnLst/>
              <a:rect l="l" t="t" r="r" b="b"/>
              <a:pathLst>
                <a:path w="2482" h="9669" extrusionOk="0">
                  <a:moveTo>
                    <a:pt x="1927" y="1"/>
                  </a:moveTo>
                  <a:cubicBezTo>
                    <a:pt x="1782" y="1"/>
                    <a:pt x="1640" y="61"/>
                    <a:pt x="1518" y="183"/>
                  </a:cubicBezTo>
                  <a:cubicBezTo>
                    <a:pt x="468" y="1000"/>
                    <a:pt x="351" y="2489"/>
                    <a:pt x="293" y="3831"/>
                  </a:cubicBezTo>
                  <a:cubicBezTo>
                    <a:pt x="293" y="5757"/>
                    <a:pt x="1" y="7742"/>
                    <a:pt x="59" y="9668"/>
                  </a:cubicBezTo>
                  <a:cubicBezTo>
                    <a:pt x="730" y="7508"/>
                    <a:pt x="1343" y="5320"/>
                    <a:pt x="1985" y="3160"/>
                  </a:cubicBezTo>
                  <a:cubicBezTo>
                    <a:pt x="2248" y="2284"/>
                    <a:pt x="2481" y="1409"/>
                    <a:pt x="2365" y="533"/>
                  </a:cubicBezTo>
                  <a:cubicBezTo>
                    <a:pt x="2335" y="329"/>
                    <a:pt x="2248" y="95"/>
                    <a:pt x="2014" y="8"/>
                  </a:cubicBezTo>
                  <a:cubicBezTo>
                    <a:pt x="1985" y="3"/>
                    <a:pt x="1956" y="1"/>
                    <a:pt x="1927" y="1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47" name="Google Shape;147;p5"/>
            <p:cNvSpPr/>
            <p:nvPr/>
          </p:nvSpPr>
          <p:spPr>
            <a:xfrm>
              <a:off x="5171125" y="3007400"/>
              <a:ext cx="92675" cy="147075"/>
            </a:xfrm>
            <a:custGeom>
              <a:avLst/>
              <a:gdLst/>
              <a:ahLst/>
              <a:cxnLst/>
              <a:rect l="l" t="t" r="r" b="b"/>
              <a:pathLst>
                <a:path w="3707" h="5883" extrusionOk="0">
                  <a:moveTo>
                    <a:pt x="1242" y="1"/>
                  </a:moveTo>
                  <a:cubicBezTo>
                    <a:pt x="1109" y="1"/>
                    <a:pt x="975" y="24"/>
                    <a:pt x="846" y="75"/>
                  </a:cubicBezTo>
                  <a:cubicBezTo>
                    <a:pt x="0" y="454"/>
                    <a:pt x="3444" y="5357"/>
                    <a:pt x="3707" y="5882"/>
                  </a:cubicBezTo>
                  <a:cubicBezTo>
                    <a:pt x="3240" y="4686"/>
                    <a:pt x="2889" y="3431"/>
                    <a:pt x="2714" y="2147"/>
                  </a:cubicBezTo>
                  <a:cubicBezTo>
                    <a:pt x="2685" y="1621"/>
                    <a:pt x="2510" y="1067"/>
                    <a:pt x="2247" y="600"/>
                  </a:cubicBezTo>
                  <a:cubicBezTo>
                    <a:pt x="2049" y="225"/>
                    <a:pt x="1651" y="1"/>
                    <a:pt x="1242" y="1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48" name="Google Shape;148;p5"/>
            <p:cNvSpPr/>
            <p:nvPr/>
          </p:nvSpPr>
          <p:spPr>
            <a:xfrm>
              <a:off x="5283475" y="3176275"/>
              <a:ext cx="97800" cy="339375"/>
            </a:xfrm>
            <a:custGeom>
              <a:avLst/>
              <a:gdLst/>
              <a:ahLst/>
              <a:cxnLst/>
              <a:rect l="l" t="t" r="r" b="b"/>
              <a:pathLst>
                <a:path w="3912" h="13575" extrusionOk="0">
                  <a:moveTo>
                    <a:pt x="2975" y="1"/>
                  </a:moveTo>
                  <a:cubicBezTo>
                    <a:pt x="2671" y="1"/>
                    <a:pt x="2375" y="279"/>
                    <a:pt x="2189" y="557"/>
                  </a:cubicBezTo>
                  <a:cubicBezTo>
                    <a:pt x="1343" y="1812"/>
                    <a:pt x="1197" y="3359"/>
                    <a:pt x="1051" y="4848"/>
                  </a:cubicBezTo>
                  <a:cubicBezTo>
                    <a:pt x="905" y="6424"/>
                    <a:pt x="759" y="8000"/>
                    <a:pt x="613" y="9576"/>
                  </a:cubicBezTo>
                  <a:cubicBezTo>
                    <a:pt x="497" y="10743"/>
                    <a:pt x="1" y="12523"/>
                    <a:pt x="438" y="13574"/>
                  </a:cubicBezTo>
                  <a:cubicBezTo>
                    <a:pt x="1256" y="10801"/>
                    <a:pt x="1868" y="7971"/>
                    <a:pt x="2802" y="5256"/>
                  </a:cubicBezTo>
                  <a:cubicBezTo>
                    <a:pt x="3328" y="3739"/>
                    <a:pt x="3911" y="2163"/>
                    <a:pt x="3532" y="616"/>
                  </a:cubicBezTo>
                  <a:cubicBezTo>
                    <a:pt x="3503" y="412"/>
                    <a:pt x="3386" y="207"/>
                    <a:pt x="3211" y="61"/>
                  </a:cubicBezTo>
                  <a:cubicBezTo>
                    <a:pt x="3133" y="19"/>
                    <a:pt x="3054" y="1"/>
                    <a:pt x="2975" y="1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49" name="Google Shape;149;p5"/>
            <p:cNvSpPr/>
            <p:nvPr/>
          </p:nvSpPr>
          <p:spPr>
            <a:xfrm>
              <a:off x="5182800" y="3282175"/>
              <a:ext cx="98500" cy="251725"/>
            </a:xfrm>
            <a:custGeom>
              <a:avLst/>
              <a:gdLst/>
              <a:ahLst/>
              <a:cxnLst/>
              <a:rect l="l" t="t" r="r" b="b"/>
              <a:pathLst>
                <a:path w="3940" h="10069" extrusionOk="0">
                  <a:moveTo>
                    <a:pt x="1087" y="0"/>
                  </a:moveTo>
                  <a:cubicBezTo>
                    <a:pt x="695" y="0"/>
                    <a:pt x="322" y="244"/>
                    <a:pt x="175" y="612"/>
                  </a:cubicBezTo>
                  <a:cubicBezTo>
                    <a:pt x="29" y="1079"/>
                    <a:pt x="0" y="1546"/>
                    <a:pt x="117" y="2013"/>
                  </a:cubicBezTo>
                  <a:cubicBezTo>
                    <a:pt x="496" y="4056"/>
                    <a:pt x="1197" y="5982"/>
                    <a:pt x="2218" y="7791"/>
                  </a:cubicBezTo>
                  <a:cubicBezTo>
                    <a:pt x="2536" y="8428"/>
                    <a:pt x="3170" y="10068"/>
                    <a:pt x="3920" y="10068"/>
                  </a:cubicBezTo>
                  <a:cubicBezTo>
                    <a:pt x="3927" y="10068"/>
                    <a:pt x="3933" y="10068"/>
                    <a:pt x="3940" y="10068"/>
                  </a:cubicBezTo>
                  <a:cubicBezTo>
                    <a:pt x="3298" y="7062"/>
                    <a:pt x="3152" y="3705"/>
                    <a:pt x="1985" y="845"/>
                  </a:cubicBezTo>
                  <a:cubicBezTo>
                    <a:pt x="1868" y="495"/>
                    <a:pt x="1634" y="203"/>
                    <a:pt x="1313" y="28"/>
                  </a:cubicBezTo>
                  <a:cubicBezTo>
                    <a:pt x="1238" y="9"/>
                    <a:pt x="1162" y="0"/>
                    <a:pt x="1087" y="0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50" name="Google Shape;150;p5"/>
            <p:cNvSpPr/>
            <p:nvPr/>
          </p:nvSpPr>
          <p:spPr>
            <a:xfrm>
              <a:off x="5271075" y="3474025"/>
              <a:ext cx="122600" cy="404925"/>
            </a:xfrm>
            <a:custGeom>
              <a:avLst/>
              <a:gdLst/>
              <a:ahLst/>
              <a:cxnLst/>
              <a:rect l="l" t="t" r="r" b="b"/>
              <a:pathLst>
                <a:path w="4904" h="16197" extrusionOk="0">
                  <a:moveTo>
                    <a:pt x="686" y="1"/>
                  </a:moveTo>
                  <a:cubicBezTo>
                    <a:pt x="628" y="1"/>
                    <a:pt x="570" y="30"/>
                    <a:pt x="555" y="88"/>
                  </a:cubicBezTo>
                  <a:cubicBezTo>
                    <a:pt x="0" y="2598"/>
                    <a:pt x="1343" y="5400"/>
                    <a:pt x="2481" y="7560"/>
                  </a:cubicBezTo>
                  <a:cubicBezTo>
                    <a:pt x="3211" y="8844"/>
                    <a:pt x="3765" y="10215"/>
                    <a:pt x="4086" y="11645"/>
                  </a:cubicBezTo>
                  <a:cubicBezTo>
                    <a:pt x="4261" y="12375"/>
                    <a:pt x="4320" y="13105"/>
                    <a:pt x="4320" y="13834"/>
                  </a:cubicBezTo>
                  <a:cubicBezTo>
                    <a:pt x="4291" y="14564"/>
                    <a:pt x="4086" y="15323"/>
                    <a:pt x="4145" y="16082"/>
                  </a:cubicBezTo>
                  <a:cubicBezTo>
                    <a:pt x="4145" y="16139"/>
                    <a:pt x="4220" y="16196"/>
                    <a:pt x="4288" y="16196"/>
                  </a:cubicBezTo>
                  <a:cubicBezTo>
                    <a:pt x="4324" y="16196"/>
                    <a:pt x="4358" y="16180"/>
                    <a:pt x="4378" y="16140"/>
                  </a:cubicBezTo>
                  <a:cubicBezTo>
                    <a:pt x="4904" y="14973"/>
                    <a:pt x="4670" y="13455"/>
                    <a:pt x="4553" y="12229"/>
                  </a:cubicBezTo>
                  <a:cubicBezTo>
                    <a:pt x="4407" y="11033"/>
                    <a:pt x="4086" y="9836"/>
                    <a:pt x="3619" y="8727"/>
                  </a:cubicBezTo>
                  <a:cubicBezTo>
                    <a:pt x="3036" y="7384"/>
                    <a:pt x="2277" y="6071"/>
                    <a:pt x="1781" y="4670"/>
                  </a:cubicBezTo>
                  <a:cubicBezTo>
                    <a:pt x="1255" y="3182"/>
                    <a:pt x="1226" y="1635"/>
                    <a:pt x="818" y="88"/>
                  </a:cubicBezTo>
                  <a:cubicBezTo>
                    <a:pt x="803" y="30"/>
                    <a:pt x="745" y="1"/>
                    <a:pt x="686" y="1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51" name="Google Shape;151;p5"/>
            <p:cNvSpPr/>
            <p:nvPr/>
          </p:nvSpPr>
          <p:spPr>
            <a:xfrm>
              <a:off x="5214900" y="2723975"/>
              <a:ext cx="6575" cy="14050"/>
            </a:xfrm>
            <a:custGeom>
              <a:avLst/>
              <a:gdLst/>
              <a:ahLst/>
              <a:cxnLst/>
              <a:rect l="l" t="t" r="r" b="b"/>
              <a:pathLst>
                <a:path w="263" h="562" extrusionOk="0">
                  <a:moveTo>
                    <a:pt x="131" y="0"/>
                  </a:moveTo>
                  <a:cubicBezTo>
                    <a:pt x="73" y="0"/>
                    <a:pt x="15" y="29"/>
                    <a:pt x="0" y="88"/>
                  </a:cubicBezTo>
                  <a:cubicBezTo>
                    <a:pt x="0" y="234"/>
                    <a:pt x="0" y="350"/>
                    <a:pt x="29" y="496"/>
                  </a:cubicBezTo>
                  <a:cubicBezTo>
                    <a:pt x="44" y="540"/>
                    <a:pt x="88" y="562"/>
                    <a:pt x="131" y="562"/>
                  </a:cubicBezTo>
                  <a:cubicBezTo>
                    <a:pt x="175" y="562"/>
                    <a:pt x="219" y="540"/>
                    <a:pt x="234" y="496"/>
                  </a:cubicBezTo>
                  <a:cubicBezTo>
                    <a:pt x="263" y="350"/>
                    <a:pt x="263" y="234"/>
                    <a:pt x="263" y="88"/>
                  </a:cubicBezTo>
                  <a:cubicBezTo>
                    <a:pt x="248" y="29"/>
                    <a:pt x="190" y="0"/>
                    <a:pt x="131" y="0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52" name="Google Shape;152;p5"/>
            <p:cNvSpPr/>
            <p:nvPr/>
          </p:nvSpPr>
          <p:spPr>
            <a:xfrm>
              <a:off x="5196650" y="2681050"/>
              <a:ext cx="94875" cy="829475"/>
            </a:xfrm>
            <a:custGeom>
              <a:avLst/>
              <a:gdLst/>
              <a:ahLst/>
              <a:cxnLst/>
              <a:rect l="l" t="t" r="r" b="b"/>
              <a:pathLst>
                <a:path w="3795" h="33179" extrusionOk="0">
                  <a:moveTo>
                    <a:pt x="1031" y="1"/>
                  </a:moveTo>
                  <a:cubicBezTo>
                    <a:pt x="1003" y="1"/>
                    <a:pt x="976" y="17"/>
                    <a:pt x="964" y="54"/>
                  </a:cubicBezTo>
                  <a:cubicBezTo>
                    <a:pt x="1" y="5540"/>
                    <a:pt x="2277" y="10794"/>
                    <a:pt x="2540" y="16251"/>
                  </a:cubicBezTo>
                  <a:cubicBezTo>
                    <a:pt x="2656" y="19082"/>
                    <a:pt x="2744" y="21942"/>
                    <a:pt x="2890" y="24803"/>
                  </a:cubicBezTo>
                  <a:cubicBezTo>
                    <a:pt x="3036" y="27575"/>
                    <a:pt x="3007" y="30465"/>
                    <a:pt x="3503" y="33179"/>
                  </a:cubicBezTo>
                  <a:lnTo>
                    <a:pt x="3532" y="33179"/>
                  </a:lnTo>
                  <a:cubicBezTo>
                    <a:pt x="3795" y="30435"/>
                    <a:pt x="3561" y="27546"/>
                    <a:pt x="3474" y="24803"/>
                  </a:cubicBezTo>
                  <a:cubicBezTo>
                    <a:pt x="3386" y="21942"/>
                    <a:pt x="3357" y="19082"/>
                    <a:pt x="3123" y="16251"/>
                  </a:cubicBezTo>
                  <a:cubicBezTo>
                    <a:pt x="2656" y="10852"/>
                    <a:pt x="818" y="5511"/>
                    <a:pt x="1110" y="83"/>
                  </a:cubicBezTo>
                  <a:cubicBezTo>
                    <a:pt x="1110" y="32"/>
                    <a:pt x="1070" y="1"/>
                    <a:pt x="1031" y="1"/>
                  </a:cubicBez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</p:grpSp>
      <p:grpSp>
        <p:nvGrpSpPr>
          <p:cNvPr id="153" name="Google Shape;153;p5"/>
          <p:cNvGrpSpPr/>
          <p:nvPr/>
        </p:nvGrpSpPr>
        <p:grpSpPr>
          <a:xfrm>
            <a:off x="10350621" y="5810700"/>
            <a:ext cx="1548260" cy="979184"/>
            <a:chOff x="5161625" y="732525"/>
            <a:chExt cx="456050" cy="288425"/>
          </a:xfrm>
        </p:grpSpPr>
        <p:sp>
          <p:nvSpPr>
            <p:cNvPr id="154" name="Google Shape;154;p5"/>
            <p:cNvSpPr/>
            <p:nvPr/>
          </p:nvSpPr>
          <p:spPr>
            <a:xfrm>
              <a:off x="5417000" y="739375"/>
              <a:ext cx="70075" cy="59075"/>
            </a:xfrm>
            <a:custGeom>
              <a:avLst/>
              <a:gdLst/>
              <a:ahLst/>
              <a:cxnLst/>
              <a:rect l="l" t="t" r="r" b="b"/>
              <a:pathLst>
                <a:path w="2803" h="2363" extrusionOk="0">
                  <a:moveTo>
                    <a:pt x="2131" y="0"/>
                  </a:moveTo>
                  <a:cubicBezTo>
                    <a:pt x="1927" y="0"/>
                    <a:pt x="1752" y="29"/>
                    <a:pt x="1547" y="59"/>
                  </a:cubicBezTo>
                  <a:cubicBezTo>
                    <a:pt x="1438" y="27"/>
                    <a:pt x="1326" y="13"/>
                    <a:pt x="1215" y="13"/>
                  </a:cubicBezTo>
                  <a:cubicBezTo>
                    <a:pt x="910" y="13"/>
                    <a:pt x="607" y="121"/>
                    <a:pt x="351" y="292"/>
                  </a:cubicBezTo>
                  <a:cubicBezTo>
                    <a:pt x="176" y="438"/>
                    <a:pt x="59" y="672"/>
                    <a:pt x="88" y="905"/>
                  </a:cubicBezTo>
                  <a:cubicBezTo>
                    <a:pt x="0" y="1138"/>
                    <a:pt x="59" y="1372"/>
                    <a:pt x="234" y="1518"/>
                  </a:cubicBezTo>
                  <a:cubicBezTo>
                    <a:pt x="379" y="2036"/>
                    <a:pt x="862" y="2362"/>
                    <a:pt x="1360" y="2362"/>
                  </a:cubicBezTo>
                  <a:cubicBezTo>
                    <a:pt x="1563" y="2362"/>
                    <a:pt x="1769" y="2308"/>
                    <a:pt x="1956" y="2189"/>
                  </a:cubicBezTo>
                  <a:cubicBezTo>
                    <a:pt x="2219" y="1985"/>
                    <a:pt x="2394" y="1722"/>
                    <a:pt x="2423" y="1372"/>
                  </a:cubicBezTo>
                  <a:cubicBezTo>
                    <a:pt x="2510" y="1226"/>
                    <a:pt x="2510" y="1051"/>
                    <a:pt x="2452" y="905"/>
                  </a:cubicBezTo>
                  <a:cubicBezTo>
                    <a:pt x="2802" y="584"/>
                    <a:pt x="2598" y="0"/>
                    <a:pt x="2131" y="0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55" name="Google Shape;155;p5"/>
            <p:cNvSpPr/>
            <p:nvPr/>
          </p:nvSpPr>
          <p:spPr>
            <a:xfrm>
              <a:off x="5290050" y="825250"/>
              <a:ext cx="72975" cy="59500"/>
            </a:xfrm>
            <a:custGeom>
              <a:avLst/>
              <a:gdLst/>
              <a:ahLst/>
              <a:cxnLst/>
              <a:rect l="l" t="t" r="r" b="b"/>
              <a:pathLst>
                <a:path w="2919" h="2380" extrusionOk="0">
                  <a:moveTo>
                    <a:pt x="1876" y="1"/>
                  </a:moveTo>
                  <a:cubicBezTo>
                    <a:pt x="1687" y="1"/>
                    <a:pt x="1493" y="32"/>
                    <a:pt x="1314" y="67"/>
                  </a:cubicBezTo>
                  <a:cubicBezTo>
                    <a:pt x="905" y="97"/>
                    <a:pt x="526" y="330"/>
                    <a:pt x="292" y="710"/>
                  </a:cubicBezTo>
                  <a:cubicBezTo>
                    <a:pt x="146" y="972"/>
                    <a:pt x="117" y="1293"/>
                    <a:pt x="205" y="1556"/>
                  </a:cubicBezTo>
                  <a:cubicBezTo>
                    <a:pt x="205" y="1614"/>
                    <a:pt x="175" y="1673"/>
                    <a:pt x="146" y="1731"/>
                  </a:cubicBezTo>
                  <a:cubicBezTo>
                    <a:pt x="0" y="2096"/>
                    <a:pt x="361" y="2380"/>
                    <a:pt x="688" y="2380"/>
                  </a:cubicBezTo>
                  <a:cubicBezTo>
                    <a:pt x="753" y="2380"/>
                    <a:pt x="817" y="2368"/>
                    <a:pt x="876" y="2344"/>
                  </a:cubicBezTo>
                  <a:cubicBezTo>
                    <a:pt x="1255" y="2169"/>
                    <a:pt x="1722" y="2227"/>
                    <a:pt x="2131" y="2023"/>
                  </a:cubicBezTo>
                  <a:cubicBezTo>
                    <a:pt x="2452" y="1877"/>
                    <a:pt x="2685" y="1585"/>
                    <a:pt x="2802" y="1235"/>
                  </a:cubicBezTo>
                  <a:cubicBezTo>
                    <a:pt x="2919" y="914"/>
                    <a:pt x="2831" y="534"/>
                    <a:pt x="2598" y="272"/>
                  </a:cubicBezTo>
                  <a:cubicBezTo>
                    <a:pt x="2408" y="65"/>
                    <a:pt x="2147" y="1"/>
                    <a:pt x="1876" y="1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56" name="Google Shape;156;p5"/>
            <p:cNvSpPr/>
            <p:nvPr/>
          </p:nvSpPr>
          <p:spPr>
            <a:xfrm>
              <a:off x="5530100" y="788400"/>
              <a:ext cx="87575" cy="68550"/>
            </a:xfrm>
            <a:custGeom>
              <a:avLst/>
              <a:gdLst/>
              <a:ahLst/>
              <a:cxnLst/>
              <a:rect l="l" t="t" r="r" b="b"/>
              <a:pathLst>
                <a:path w="3503" h="2742" extrusionOk="0">
                  <a:moveTo>
                    <a:pt x="2281" y="1"/>
                  </a:moveTo>
                  <a:cubicBezTo>
                    <a:pt x="2003" y="1"/>
                    <a:pt x="1727" y="125"/>
                    <a:pt x="1547" y="345"/>
                  </a:cubicBezTo>
                  <a:cubicBezTo>
                    <a:pt x="1489" y="345"/>
                    <a:pt x="1459" y="374"/>
                    <a:pt x="1401" y="374"/>
                  </a:cubicBezTo>
                  <a:cubicBezTo>
                    <a:pt x="1304" y="304"/>
                    <a:pt x="1193" y="268"/>
                    <a:pt x="1085" y="268"/>
                  </a:cubicBezTo>
                  <a:cubicBezTo>
                    <a:pt x="966" y="268"/>
                    <a:pt x="851" y="312"/>
                    <a:pt x="759" y="403"/>
                  </a:cubicBezTo>
                  <a:cubicBezTo>
                    <a:pt x="175" y="899"/>
                    <a:pt x="0" y="1717"/>
                    <a:pt x="321" y="2446"/>
                  </a:cubicBezTo>
                  <a:cubicBezTo>
                    <a:pt x="409" y="2592"/>
                    <a:pt x="555" y="2709"/>
                    <a:pt x="759" y="2709"/>
                  </a:cubicBezTo>
                  <a:cubicBezTo>
                    <a:pt x="883" y="2731"/>
                    <a:pt x="1009" y="2742"/>
                    <a:pt x="1135" y="2742"/>
                  </a:cubicBezTo>
                  <a:cubicBezTo>
                    <a:pt x="1512" y="2742"/>
                    <a:pt x="1890" y="2643"/>
                    <a:pt x="2218" y="2446"/>
                  </a:cubicBezTo>
                  <a:cubicBezTo>
                    <a:pt x="2306" y="2359"/>
                    <a:pt x="2393" y="2271"/>
                    <a:pt x="2452" y="2184"/>
                  </a:cubicBezTo>
                  <a:cubicBezTo>
                    <a:pt x="2831" y="2154"/>
                    <a:pt x="3152" y="1979"/>
                    <a:pt x="3386" y="1658"/>
                  </a:cubicBezTo>
                  <a:cubicBezTo>
                    <a:pt x="3502" y="1483"/>
                    <a:pt x="3473" y="1220"/>
                    <a:pt x="3327" y="1045"/>
                  </a:cubicBezTo>
                  <a:cubicBezTo>
                    <a:pt x="3298" y="1016"/>
                    <a:pt x="3269" y="987"/>
                    <a:pt x="3240" y="958"/>
                  </a:cubicBezTo>
                  <a:cubicBezTo>
                    <a:pt x="3211" y="578"/>
                    <a:pt x="2977" y="257"/>
                    <a:pt x="2656" y="82"/>
                  </a:cubicBezTo>
                  <a:cubicBezTo>
                    <a:pt x="2537" y="27"/>
                    <a:pt x="2408" y="1"/>
                    <a:pt x="2281" y="1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57" name="Google Shape;157;p5"/>
            <p:cNvSpPr/>
            <p:nvPr/>
          </p:nvSpPr>
          <p:spPr>
            <a:xfrm>
              <a:off x="5430850" y="861400"/>
              <a:ext cx="72275" cy="51275"/>
            </a:xfrm>
            <a:custGeom>
              <a:avLst/>
              <a:gdLst/>
              <a:ahLst/>
              <a:cxnLst/>
              <a:rect l="l" t="t" r="r" b="b"/>
              <a:pathLst>
                <a:path w="2891" h="2051" extrusionOk="0">
                  <a:moveTo>
                    <a:pt x="1956" y="1190"/>
                  </a:moveTo>
                  <a:cubicBezTo>
                    <a:pt x="1942" y="1204"/>
                    <a:pt x="1920" y="1212"/>
                    <a:pt x="1898" y="1212"/>
                  </a:cubicBezTo>
                  <a:cubicBezTo>
                    <a:pt x="1876" y="1212"/>
                    <a:pt x="1854" y="1204"/>
                    <a:pt x="1840" y="1190"/>
                  </a:cubicBezTo>
                  <a:close/>
                  <a:moveTo>
                    <a:pt x="1884" y="0"/>
                  </a:moveTo>
                  <a:cubicBezTo>
                    <a:pt x="1809" y="0"/>
                    <a:pt x="1734" y="17"/>
                    <a:pt x="1665" y="52"/>
                  </a:cubicBezTo>
                  <a:cubicBezTo>
                    <a:pt x="1373" y="197"/>
                    <a:pt x="1022" y="314"/>
                    <a:pt x="731" y="489"/>
                  </a:cubicBezTo>
                  <a:cubicBezTo>
                    <a:pt x="439" y="664"/>
                    <a:pt x="1" y="927"/>
                    <a:pt x="118" y="1365"/>
                  </a:cubicBezTo>
                  <a:cubicBezTo>
                    <a:pt x="118" y="1598"/>
                    <a:pt x="264" y="1803"/>
                    <a:pt x="468" y="1919"/>
                  </a:cubicBezTo>
                  <a:cubicBezTo>
                    <a:pt x="643" y="2007"/>
                    <a:pt x="840" y="2051"/>
                    <a:pt x="1037" y="2051"/>
                  </a:cubicBezTo>
                  <a:cubicBezTo>
                    <a:pt x="1234" y="2051"/>
                    <a:pt x="1431" y="2007"/>
                    <a:pt x="1606" y="1919"/>
                  </a:cubicBezTo>
                  <a:cubicBezTo>
                    <a:pt x="1986" y="1773"/>
                    <a:pt x="2511" y="1598"/>
                    <a:pt x="2715" y="1219"/>
                  </a:cubicBezTo>
                  <a:cubicBezTo>
                    <a:pt x="2890" y="840"/>
                    <a:pt x="2715" y="402"/>
                    <a:pt x="2336" y="256"/>
                  </a:cubicBezTo>
                  <a:cubicBezTo>
                    <a:pt x="2233" y="92"/>
                    <a:pt x="2059" y="0"/>
                    <a:pt x="1884" y="0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58" name="Google Shape;158;p5"/>
            <p:cNvSpPr/>
            <p:nvPr/>
          </p:nvSpPr>
          <p:spPr>
            <a:xfrm>
              <a:off x="5287325" y="732525"/>
              <a:ext cx="67675" cy="58000"/>
            </a:xfrm>
            <a:custGeom>
              <a:avLst/>
              <a:gdLst/>
              <a:ahLst/>
              <a:cxnLst/>
              <a:rect l="l" t="t" r="r" b="b"/>
              <a:pathLst>
                <a:path w="2707" h="2320" extrusionOk="0">
                  <a:moveTo>
                    <a:pt x="1457" y="0"/>
                  </a:moveTo>
                  <a:cubicBezTo>
                    <a:pt x="1331" y="0"/>
                    <a:pt x="1208" y="27"/>
                    <a:pt x="1102" y="70"/>
                  </a:cubicBezTo>
                  <a:cubicBezTo>
                    <a:pt x="518" y="128"/>
                    <a:pt x="22" y="449"/>
                    <a:pt x="22" y="1091"/>
                  </a:cubicBezTo>
                  <a:cubicBezTo>
                    <a:pt x="0" y="1838"/>
                    <a:pt x="665" y="2320"/>
                    <a:pt x="1343" y="2320"/>
                  </a:cubicBezTo>
                  <a:cubicBezTo>
                    <a:pt x="1593" y="2320"/>
                    <a:pt x="1845" y="2254"/>
                    <a:pt x="2065" y="2113"/>
                  </a:cubicBezTo>
                  <a:cubicBezTo>
                    <a:pt x="2561" y="1763"/>
                    <a:pt x="2707" y="1091"/>
                    <a:pt x="2444" y="537"/>
                  </a:cubicBezTo>
                  <a:cubicBezTo>
                    <a:pt x="2415" y="362"/>
                    <a:pt x="2269" y="216"/>
                    <a:pt x="2123" y="187"/>
                  </a:cubicBezTo>
                  <a:cubicBezTo>
                    <a:pt x="1948" y="70"/>
                    <a:pt x="1802" y="12"/>
                    <a:pt x="1598" y="12"/>
                  </a:cubicBezTo>
                  <a:cubicBezTo>
                    <a:pt x="1551" y="4"/>
                    <a:pt x="1504" y="0"/>
                    <a:pt x="1457" y="0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59" name="Google Shape;159;p5"/>
            <p:cNvSpPr/>
            <p:nvPr/>
          </p:nvSpPr>
          <p:spPr>
            <a:xfrm>
              <a:off x="5161625" y="857375"/>
              <a:ext cx="55475" cy="51225"/>
            </a:xfrm>
            <a:custGeom>
              <a:avLst/>
              <a:gdLst/>
              <a:ahLst/>
              <a:cxnLst/>
              <a:rect l="l" t="t" r="r" b="b"/>
              <a:pathLst>
                <a:path w="2219" h="2049" extrusionOk="0">
                  <a:moveTo>
                    <a:pt x="1022" y="1059"/>
                  </a:moveTo>
                  <a:cubicBezTo>
                    <a:pt x="1022" y="1059"/>
                    <a:pt x="993" y="1088"/>
                    <a:pt x="993" y="1088"/>
                  </a:cubicBezTo>
                  <a:lnTo>
                    <a:pt x="993" y="1059"/>
                  </a:lnTo>
                  <a:close/>
                  <a:moveTo>
                    <a:pt x="975" y="1"/>
                  </a:moveTo>
                  <a:cubicBezTo>
                    <a:pt x="807" y="1"/>
                    <a:pt x="642" y="57"/>
                    <a:pt x="497" y="154"/>
                  </a:cubicBezTo>
                  <a:cubicBezTo>
                    <a:pt x="292" y="271"/>
                    <a:pt x="117" y="475"/>
                    <a:pt x="30" y="709"/>
                  </a:cubicBezTo>
                  <a:cubicBezTo>
                    <a:pt x="1" y="796"/>
                    <a:pt x="1" y="913"/>
                    <a:pt x="30" y="1001"/>
                  </a:cubicBezTo>
                  <a:cubicBezTo>
                    <a:pt x="30" y="1088"/>
                    <a:pt x="30" y="1176"/>
                    <a:pt x="30" y="1263"/>
                  </a:cubicBezTo>
                  <a:cubicBezTo>
                    <a:pt x="114" y="1747"/>
                    <a:pt x="531" y="2049"/>
                    <a:pt x="976" y="2049"/>
                  </a:cubicBezTo>
                  <a:cubicBezTo>
                    <a:pt x="1149" y="2049"/>
                    <a:pt x="1326" y="2003"/>
                    <a:pt x="1489" y="1905"/>
                  </a:cubicBezTo>
                  <a:cubicBezTo>
                    <a:pt x="2131" y="1584"/>
                    <a:pt x="2219" y="680"/>
                    <a:pt x="1664" y="242"/>
                  </a:cubicBezTo>
                  <a:cubicBezTo>
                    <a:pt x="1577" y="183"/>
                    <a:pt x="1460" y="125"/>
                    <a:pt x="1372" y="96"/>
                  </a:cubicBezTo>
                  <a:cubicBezTo>
                    <a:pt x="1285" y="37"/>
                    <a:pt x="1168" y="8"/>
                    <a:pt x="1080" y="8"/>
                  </a:cubicBezTo>
                  <a:cubicBezTo>
                    <a:pt x="1045" y="3"/>
                    <a:pt x="1010" y="1"/>
                    <a:pt x="975" y="1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60" name="Google Shape;160;p5"/>
            <p:cNvSpPr/>
            <p:nvPr/>
          </p:nvSpPr>
          <p:spPr>
            <a:xfrm>
              <a:off x="5288575" y="945725"/>
              <a:ext cx="56625" cy="50200"/>
            </a:xfrm>
            <a:custGeom>
              <a:avLst/>
              <a:gdLst/>
              <a:ahLst/>
              <a:cxnLst/>
              <a:rect l="l" t="t" r="r" b="b"/>
              <a:pathLst>
                <a:path w="2265" h="2008" extrusionOk="0">
                  <a:moveTo>
                    <a:pt x="1597" y="0"/>
                  </a:moveTo>
                  <a:cubicBezTo>
                    <a:pt x="1571" y="0"/>
                    <a:pt x="1545" y="2"/>
                    <a:pt x="1518" y="6"/>
                  </a:cubicBezTo>
                  <a:cubicBezTo>
                    <a:pt x="1373" y="35"/>
                    <a:pt x="1227" y="64"/>
                    <a:pt x="1110" y="152"/>
                  </a:cubicBezTo>
                  <a:cubicBezTo>
                    <a:pt x="964" y="152"/>
                    <a:pt x="847" y="181"/>
                    <a:pt x="701" y="239"/>
                  </a:cubicBezTo>
                  <a:cubicBezTo>
                    <a:pt x="30" y="560"/>
                    <a:pt x="1" y="1523"/>
                    <a:pt x="672" y="1874"/>
                  </a:cubicBezTo>
                  <a:cubicBezTo>
                    <a:pt x="825" y="1963"/>
                    <a:pt x="995" y="2008"/>
                    <a:pt x="1165" y="2008"/>
                  </a:cubicBezTo>
                  <a:cubicBezTo>
                    <a:pt x="1383" y="2008"/>
                    <a:pt x="1601" y="1934"/>
                    <a:pt x="1781" y="1786"/>
                  </a:cubicBezTo>
                  <a:cubicBezTo>
                    <a:pt x="1898" y="1698"/>
                    <a:pt x="1985" y="1552"/>
                    <a:pt x="1985" y="1377"/>
                  </a:cubicBezTo>
                  <a:cubicBezTo>
                    <a:pt x="2015" y="1319"/>
                    <a:pt x="2044" y="1261"/>
                    <a:pt x="2073" y="1202"/>
                  </a:cubicBezTo>
                  <a:cubicBezTo>
                    <a:pt x="2102" y="1056"/>
                    <a:pt x="2102" y="910"/>
                    <a:pt x="2073" y="794"/>
                  </a:cubicBezTo>
                  <a:cubicBezTo>
                    <a:pt x="2265" y="410"/>
                    <a:pt x="1993" y="0"/>
                    <a:pt x="1597" y="0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61" name="Google Shape;161;p5"/>
            <p:cNvSpPr/>
            <p:nvPr/>
          </p:nvSpPr>
          <p:spPr>
            <a:xfrm>
              <a:off x="5163825" y="971550"/>
              <a:ext cx="56200" cy="49400"/>
            </a:xfrm>
            <a:custGeom>
              <a:avLst/>
              <a:gdLst/>
              <a:ahLst/>
              <a:cxnLst/>
              <a:rect l="l" t="t" r="r" b="b"/>
              <a:pathLst>
                <a:path w="2248" h="1976" extrusionOk="0">
                  <a:moveTo>
                    <a:pt x="1578" y="1"/>
                  </a:moveTo>
                  <a:cubicBezTo>
                    <a:pt x="1501" y="1"/>
                    <a:pt x="1421" y="17"/>
                    <a:pt x="1343" y="53"/>
                  </a:cubicBezTo>
                  <a:lnTo>
                    <a:pt x="350" y="461"/>
                  </a:lnTo>
                  <a:cubicBezTo>
                    <a:pt x="117" y="607"/>
                    <a:pt x="0" y="899"/>
                    <a:pt x="146" y="1162"/>
                  </a:cubicBezTo>
                  <a:cubicBezTo>
                    <a:pt x="223" y="1340"/>
                    <a:pt x="411" y="1430"/>
                    <a:pt x="594" y="1430"/>
                  </a:cubicBezTo>
                  <a:cubicBezTo>
                    <a:pt x="620" y="1430"/>
                    <a:pt x="646" y="1428"/>
                    <a:pt x="671" y="1424"/>
                  </a:cubicBezTo>
                  <a:lnTo>
                    <a:pt x="671" y="1453"/>
                  </a:lnTo>
                  <a:cubicBezTo>
                    <a:pt x="671" y="1750"/>
                    <a:pt x="922" y="1976"/>
                    <a:pt x="1198" y="1976"/>
                  </a:cubicBezTo>
                  <a:cubicBezTo>
                    <a:pt x="1275" y="1976"/>
                    <a:pt x="1354" y="1958"/>
                    <a:pt x="1430" y="1920"/>
                  </a:cubicBezTo>
                  <a:cubicBezTo>
                    <a:pt x="1956" y="1629"/>
                    <a:pt x="2247" y="1016"/>
                    <a:pt x="2102" y="403"/>
                  </a:cubicBezTo>
                  <a:cubicBezTo>
                    <a:pt x="2035" y="160"/>
                    <a:pt x="1819" y="1"/>
                    <a:pt x="1578" y="1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162" name="Google Shape;162;p5"/>
            <p:cNvSpPr/>
            <p:nvPr/>
          </p:nvSpPr>
          <p:spPr>
            <a:xfrm>
              <a:off x="5191550" y="772650"/>
              <a:ext cx="41600" cy="40500"/>
            </a:xfrm>
            <a:custGeom>
              <a:avLst/>
              <a:gdLst/>
              <a:ahLst/>
              <a:cxnLst/>
              <a:rect l="l" t="t" r="r" b="b"/>
              <a:pathLst>
                <a:path w="1664" h="1620" extrusionOk="0">
                  <a:moveTo>
                    <a:pt x="1124" y="1"/>
                  </a:moveTo>
                  <a:cubicBezTo>
                    <a:pt x="1090" y="1"/>
                    <a:pt x="1056" y="4"/>
                    <a:pt x="1022" y="12"/>
                  </a:cubicBezTo>
                  <a:cubicBezTo>
                    <a:pt x="730" y="41"/>
                    <a:pt x="496" y="216"/>
                    <a:pt x="350" y="479"/>
                  </a:cubicBezTo>
                  <a:lnTo>
                    <a:pt x="321" y="508"/>
                  </a:lnTo>
                  <a:lnTo>
                    <a:pt x="175" y="741"/>
                  </a:lnTo>
                  <a:cubicBezTo>
                    <a:pt x="0" y="1004"/>
                    <a:pt x="88" y="1325"/>
                    <a:pt x="321" y="1471"/>
                  </a:cubicBezTo>
                  <a:cubicBezTo>
                    <a:pt x="350" y="1500"/>
                    <a:pt x="409" y="1500"/>
                    <a:pt x="438" y="1529"/>
                  </a:cubicBezTo>
                  <a:cubicBezTo>
                    <a:pt x="526" y="1588"/>
                    <a:pt x="642" y="1617"/>
                    <a:pt x="730" y="1617"/>
                  </a:cubicBezTo>
                  <a:cubicBezTo>
                    <a:pt x="751" y="1619"/>
                    <a:pt x="773" y="1619"/>
                    <a:pt x="794" y="1619"/>
                  </a:cubicBezTo>
                  <a:cubicBezTo>
                    <a:pt x="1145" y="1619"/>
                    <a:pt x="1435" y="1393"/>
                    <a:pt x="1518" y="1062"/>
                  </a:cubicBezTo>
                  <a:cubicBezTo>
                    <a:pt x="1547" y="975"/>
                    <a:pt x="1547" y="887"/>
                    <a:pt x="1547" y="800"/>
                  </a:cubicBezTo>
                  <a:cubicBezTo>
                    <a:pt x="1635" y="683"/>
                    <a:pt x="1664" y="537"/>
                    <a:pt x="1635" y="391"/>
                  </a:cubicBezTo>
                  <a:cubicBezTo>
                    <a:pt x="1558" y="163"/>
                    <a:pt x="1350" y="1"/>
                    <a:pt x="1124" y="1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914400">
                <a:buClr>
                  <a:srgbClr val="000000"/>
                </a:buClr>
                <a:buFont typeface="Arial" panose="020B0604020202020204"/>
                <a:buNone/>
              </a:pPr>
              <a:endParaRPr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</p:grpSp>
    </p:spTree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 showMasterSp="0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/>
          <p:cNvSpPr/>
          <p:nvPr/>
        </p:nvSpPr>
        <p:spPr>
          <a:xfrm>
            <a:off x="0" y="3866920"/>
            <a:ext cx="12192000" cy="2991080"/>
          </a:xfrm>
          <a:prstGeom prst="rect">
            <a:avLst/>
          </a:prstGeom>
          <a:gradFill>
            <a:gsLst>
              <a:gs pos="0">
                <a:schemeClr val="bg1">
                  <a:alpha val="91000"/>
                </a:schemeClr>
              </a:gs>
              <a:gs pos="37000">
                <a:schemeClr val="bg1">
                  <a:alpha val="76000"/>
                </a:schemeClr>
              </a:gs>
              <a:gs pos="100000">
                <a:schemeClr val="bg2">
                  <a:alpha val="79000"/>
                </a:schemeClr>
              </a:gs>
            </a:gsLst>
            <a:path path="circle">
              <a:fillToRect l="50000" t="50000" r="50000" b="50000"/>
            </a:path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12" name="Rectangle 11"/>
          <p:cNvSpPr/>
          <p:nvPr/>
        </p:nvSpPr>
        <p:spPr>
          <a:xfrm>
            <a:off x="0" y="0"/>
            <a:ext cx="12192000" cy="386692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89000"/>
                </a:schemeClr>
              </a:gs>
              <a:gs pos="48000">
                <a:schemeClr val="bg1">
                  <a:alpha val="62000"/>
                </a:schemeClr>
              </a:gs>
              <a:gs pos="100000">
                <a:schemeClr val="bg2">
                  <a:alpha val="7900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13" name="Rectangle 12"/>
          <p:cNvSpPr/>
          <p:nvPr/>
        </p:nvSpPr>
        <p:spPr>
          <a:xfrm>
            <a:off x="0" y="2652311"/>
            <a:ext cx="12192000" cy="228600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0"/>
                </a:schemeClr>
              </a:gs>
              <a:gs pos="29000">
                <a:schemeClr val="bg1">
                  <a:alpha val="30000"/>
                </a:schemeClr>
              </a:gs>
              <a:gs pos="45000">
                <a:schemeClr val="bg2">
                  <a:alpha val="40000"/>
                </a:schemeClr>
              </a:gs>
              <a:gs pos="55000">
                <a:schemeClr val="bg1">
                  <a:alpha val="26000"/>
                </a:schemeClr>
              </a:gs>
              <a:gs pos="65000">
                <a:schemeClr val="bg2">
                  <a:alpha val="60000"/>
                </a:schemeClr>
              </a:gs>
              <a:gs pos="100000">
                <a:schemeClr val="bg1">
                  <a:alpha val="0"/>
                </a:schemeClr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14" name="Oval 13"/>
          <p:cNvSpPr/>
          <p:nvPr/>
        </p:nvSpPr>
        <p:spPr>
          <a:xfrm>
            <a:off x="0" y="1600200"/>
            <a:ext cx="12192000" cy="5105400"/>
          </a:xfrm>
          <a:prstGeom prst="ellipse">
            <a:avLst/>
          </a:prstGeom>
          <a:gradFill flip="none" rotWithShape="1">
            <a:gsLst>
              <a:gs pos="0">
                <a:schemeClr val="bg1"/>
              </a:gs>
              <a:gs pos="54000">
                <a:schemeClr val="bg1">
                  <a:alpha val="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65060" y="5052550"/>
            <a:ext cx="7516013" cy="882119"/>
          </a:xfrm>
        </p:spPr>
        <p:txBody>
          <a:bodyPr>
            <a:normAutofit/>
          </a:bodyPr>
          <a:lstStyle>
            <a:lvl1pPr marL="0" indent="0" algn="l">
              <a:buNone/>
              <a:defRPr sz="2300">
                <a:solidFill>
                  <a:schemeClr val="tx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90108" y="3132291"/>
            <a:ext cx="9567135" cy="1793167"/>
          </a:xfrm>
          <a:effectLst/>
        </p:spPr>
        <p:txBody>
          <a:bodyPr>
            <a:noAutofit/>
          </a:bodyPr>
          <a:lstStyle>
            <a:lvl1pPr marL="640080" indent="-457200" algn="l">
              <a:defRPr sz="55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1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图片 1"/>
          <p:cNvPicPr>
            <a:picLocks noChangeAspect="1"/>
          </p:cNvPicPr>
          <p:nvPr userDrawn="1"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4797" b="-1"/>
          <a:stretch>
            <a:fillRect/>
          </a:stretch>
        </p:blipFill>
        <p:spPr>
          <a:xfrm>
            <a:off x="0" y="-88898"/>
            <a:ext cx="12230101" cy="6946900"/>
          </a:xfrm>
          <a:prstGeom prst="rect">
            <a:avLst/>
          </a:prstGeom>
        </p:spPr>
      </p:pic>
      <p:sp>
        <p:nvSpPr>
          <p:cNvPr id="4" name="矩形 3"/>
          <p:cNvSpPr/>
          <p:nvPr userDrawn="1"/>
        </p:nvSpPr>
        <p:spPr>
          <a:xfrm>
            <a:off x="0" y="-88898"/>
            <a:ext cx="12230101" cy="6946899"/>
          </a:xfrm>
          <a:prstGeom prst="rect">
            <a:avLst/>
          </a:prstGeom>
          <a:solidFill>
            <a:schemeClr val="tx1">
              <a:alpha val="67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/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/>
          </a:p>
        </p:txBody>
      </p:sp>
      <p:sp>
        <p:nvSpPr>
          <p:cNvPr id="10" name="Content Placeholder 9"/>
          <p:cNvSpPr>
            <a:spLocks noGrp="1"/>
          </p:cNvSpPr>
          <p:nvPr>
            <p:ph sz="quarter" idx="13"/>
          </p:nvPr>
        </p:nvSpPr>
        <p:spPr>
          <a:xfrm>
            <a:off x="1524000" y="731520"/>
            <a:ext cx="8534400" cy="3474720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</p:spTree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0" y="3866920"/>
            <a:ext cx="12192000" cy="2991080"/>
          </a:xfrm>
          <a:prstGeom prst="rect">
            <a:avLst/>
          </a:prstGeom>
          <a:gradFill>
            <a:gsLst>
              <a:gs pos="0">
                <a:schemeClr val="bg1">
                  <a:alpha val="92000"/>
                </a:schemeClr>
              </a:gs>
              <a:gs pos="37000">
                <a:schemeClr val="bg1">
                  <a:alpha val="77000"/>
                </a:schemeClr>
              </a:gs>
              <a:gs pos="100000">
                <a:schemeClr val="bg2">
                  <a:alpha val="80000"/>
                </a:schemeClr>
              </a:gs>
            </a:gsLst>
            <a:path path="circle">
              <a:fillToRect l="50000" t="50000" r="50000" b="50000"/>
            </a:path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8" name="Rectangle 7"/>
          <p:cNvSpPr/>
          <p:nvPr/>
        </p:nvSpPr>
        <p:spPr>
          <a:xfrm>
            <a:off x="0" y="0"/>
            <a:ext cx="12192000" cy="386692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90000"/>
                </a:schemeClr>
              </a:gs>
              <a:gs pos="48000">
                <a:schemeClr val="bg1">
                  <a:alpha val="63000"/>
                </a:schemeClr>
              </a:gs>
              <a:gs pos="100000">
                <a:schemeClr val="bg2">
                  <a:alpha val="8000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9" name="Rectangle 8"/>
          <p:cNvSpPr/>
          <p:nvPr/>
        </p:nvSpPr>
        <p:spPr>
          <a:xfrm>
            <a:off x="0" y="2652311"/>
            <a:ext cx="12192000" cy="228600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0"/>
                </a:schemeClr>
              </a:gs>
              <a:gs pos="29000">
                <a:schemeClr val="bg1">
                  <a:alpha val="30000"/>
                </a:schemeClr>
              </a:gs>
              <a:gs pos="45000">
                <a:schemeClr val="bg2">
                  <a:alpha val="40000"/>
                </a:schemeClr>
              </a:gs>
              <a:gs pos="55000">
                <a:schemeClr val="bg1">
                  <a:alpha val="26000"/>
                </a:schemeClr>
              </a:gs>
              <a:gs pos="65000">
                <a:schemeClr val="bg2">
                  <a:alpha val="60000"/>
                </a:schemeClr>
              </a:gs>
              <a:gs pos="100000">
                <a:schemeClr val="bg1">
                  <a:alpha val="0"/>
                </a:schemeClr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10" name="Oval 9"/>
          <p:cNvSpPr/>
          <p:nvPr/>
        </p:nvSpPr>
        <p:spPr>
          <a:xfrm>
            <a:off x="0" y="1600200"/>
            <a:ext cx="12192000" cy="5105400"/>
          </a:xfrm>
          <a:prstGeom prst="ellipse">
            <a:avLst/>
          </a:prstGeom>
          <a:gradFill flip="none" rotWithShape="1">
            <a:gsLst>
              <a:gs pos="0">
                <a:schemeClr val="bg1"/>
              </a:gs>
              <a:gs pos="54000">
                <a:schemeClr val="bg1">
                  <a:alpha val="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710929" y="2172648"/>
            <a:ext cx="7955555" cy="2423347"/>
          </a:xfrm>
          <a:effectLst/>
        </p:spPr>
        <p:txBody>
          <a:bodyPr anchor="b"/>
          <a:lstStyle>
            <a:lvl1pPr algn="r">
              <a:defRPr sz="4700" b="1" cap="none" baseline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696584" y="4607511"/>
            <a:ext cx="7960659" cy="835460"/>
          </a:xfrm>
        </p:spPr>
        <p:txBody>
          <a:bodyPr anchor="t"/>
          <a:lstStyle>
            <a:lvl1pPr marL="0" indent="0" algn="r">
              <a:buNone/>
              <a:defRPr sz="2000">
                <a:solidFill>
                  <a:schemeClr val="tx2"/>
                </a:solidFill>
              </a:defRPr>
            </a:lvl1pPr>
            <a:lvl2pPr marL="457200" indent="0">
              <a:buNone/>
              <a:defRPr sz="19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/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523999" y="731519"/>
            <a:ext cx="4462272" cy="3474720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6193536" y="731520"/>
            <a:ext cx="4462272" cy="3474720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524000" y="731520"/>
            <a:ext cx="4462272" cy="639763"/>
          </a:xfrm>
        </p:spPr>
        <p:txBody>
          <a:bodyPr anchor="b">
            <a:noAutofit/>
          </a:bodyPr>
          <a:lstStyle>
            <a:lvl1pPr marL="0" indent="0" algn="ctr">
              <a:buNone/>
              <a:defRPr lang="en-US" sz="2400" b="1" i="0" kern="1200" dirty="0" smtClean="0">
                <a:gradFill>
                  <a:gsLst>
                    <a:gs pos="0">
                      <a:schemeClr val="tx1"/>
                    </a:gs>
                    <a:gs pos="40000">
                      <a:schemeClr val="tx1">
                        <a:lumMod val="75000"/>
                        <a:lumOff val="25000"/>
                      </a:schemeClr>
                    </a:gs>
                    <a:gs pos="100000">
                      <a:schemeClr val="tx2">
                        <a:alpha val="65000"/>
                      </a:schemeClr>
                    </a:gs>
                  </a:gsLst>
                  <a:lin ang="5400000" scaled="0"/>
                </a:gradFill>
                <a:effectLst/>
                <a:latin typeface="+mj-lt"/>
                <a:ea typeface="+mj-ea"/>
                <a:cs typeface="+mj-cs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9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541929" y="1400327"/>
            <a:ext cx="4462272" cy="2743200"/>
          </a:xfrm>
        </p:spPr>
        <p:txBody>
          <a:bodyPr>
            <a:normAutofit/>
          </a:bodyPr>
          <a:lstStyle>
            <a:lvl1pPr>
              <a:defRPr sz="1900"/>
            </a:lvl1pPr>
            <a:lvl2pPr>
              <a:defRPr sz="19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96403" y="731520"/>
            <a:ext cx="4462272" cy="639763"/>
          </a:xfrm>
        </p:spPr>
        <p:txBody>
          <a:bodyPr anchor="b">
            <a:noAutofit/>
          </a:bodyPr>
          <a:lstStyle>
            <a:lvl1pPr marL="0" indent="0" algn="ctr">
              <a:buNone/>
              <a:defRPr lang="en-US" sz="2400" b="1" i="0" kern="1200" dirty="0" smtClean="0">
                <a:gradFill>
                  <a:gsLst>
                    <a:gs pos="0">
                      <a:schemeClr val="tx1"/>
                    </a:gs>
                    <a:gs pos="40000">
                      <a:schemeClr val="tx1">
                        <a:lumMod val="75000"/>
                        <a:lumOff val="25000"/>
                      </a:schemeClr>
                    </a:gs>
                    <a:gs pos="100000">
                      <a:schemeClr val="tx2">
                        <a:alpha val="65000"/>
                      </a:schemeClr>
                    </a:gs>
                  </a:gsLst>
                  <a:lin ang="5400000" scaled="0"/>
                </a:gradFill>
                <a:effectLst/>
                <a:latin typeface="+mj-lt"/>
                <a:ea typeface="+mj-ea"/>
                <a:cs typeface="+mj-cs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9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marL="0" lvl="0" indent="0" algn="ctr" defTabSz="914400" rtl="0" eaLnBrk="1" latinLnBrk="0" hangingPunct="1">
              <a:spcBef>
                <a:spcPct val="20000"/>
              </a:spcBef>
              <a:spcAft>
                <a:spcPts val="300"/>
              </a:spcAft>
              <a:buClr>
                <a:schemeClr val="accent6">
                  <a:lumMod val="75000"/>
                </a:schemeClr>
              </a:buClr>
              <a:buSzPct val="130000"/>
              <a:buFont typeface="Georgia" panose="02040502050405020303" pitchFamily="18" charset="0"/>
              <a:buNone/>
            </a:pPr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93367" y="1399032"/>
            <a:ext cx="4462272" cy="2743200"/>
          </a:xfrm>
        </p:spPr>
        <p:txBody>
          <a:bodyPr>
            <a:normAutofit/>
          </a:bodyPr>
          <a:lstStyle>
            <a:lvl1pPr>
              <a:defRPr sz="1900"/>
            </a:lvl1pPr>
            <a:lvl2pPr>
              <a:defRPr sz="19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10" name="Title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</p:spTree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18795" y="2209803"/>
            <a:ext cx="4848113" cy="1258493"/>
          </a:xfrm>
          <a:effectLst/>
        </p:spPr>
        <p:txBody>
          <a:bodyPr anchor="b">
            <a:noAutofit/>
          </a:bodyPr>
          <a:lstStyle>
            <a:lvl1pPr marL="228600" indent="-228600" algn="l">
              <a:defRPr sz="2800" b="1">
                <a:effectLst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124690" y="731520"/>
            <a:ext cx="5356113" cy="4894731"/>
          </a:xfrm>
        </p:spPr>
        <p:txBody>
          <a:bodyPr anchor="ctr"/>
          <a:lstStyle>
            <a:lvl1pPr>
              <a:defRPr sz="2300"/>
            </a:lvl1pPr>
            <a:lvl2pPr>
              <a:defRPr sz="2000"/>
            </a:lvl2pPr>
            <a:lvl3pPr>
              <a:defRPr sz="1900"/>
            </a:lvl3pPr>
            <a:lvl4pPr>
              <a:defRPr sz="1600"/>
            </a:lvl4pPr>
            <a:lvl5pPr>
              <a:defRPr sz="15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434353" y="3497802"/>
            <a:ext cx="4518213" cy="2139519"/>
          </a:xfrm>
        </p:spPr>
        <p:txBody>
          <a:bodyPr/>
          <a:lstStyle>
            <a:lvl1pPr marL="0" indent="0">
              <a:buNone/>
              <a:defRPr sz="1500"/>
            </a:lvl1pPr>
            <a:lvl2pPr marL="457200" indent="0">
              <a:buNone/>
              <a:defRPr sz="1200"/>
            </a:lvl2pPr>
            <a:lvl3pPr marL="914400" indent="0">
              <a:buNone/>
              <a:defRPr sz="11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 showMasterSp="0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/>
          <p:nvPr/>
        </p:nvSpPr>
        <p:spPr>
          <a:xfrm>
            <a:off x="0" y="3866920"/>
            <a:ext cx="12192000" cy="2991080"/>
          </a:xfrm>
          <a:prstGeom prst="rect">
            <a:avLst/>
          </a:prstGeom>
          <a:gradFill>
            <a:gsLst>
              <a:gs pos="0">
                <a:schemeClr val="bg1">
                  <a:alpha val="92000"/>
                </a:schemeClr>
              </a:gs>
              <a:gs pos="37000">
                <a:schemeClr val="bg1">
                  <a:alpha val="77000"/>
                </a:schemeClr>
              </a:gs>
              <a:gs pos="100000">
                <a:schemeClr val="bg2">
                  <a:alpha val="80000"/>
                </a:schemeClr>
              </a:gs>
            </a:gsLst>
            <a:path path="circle">
              <a:fillToRect l="50000" t="50000" r="50000" b="50000"/>
            </a:path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9" name="Rectangle 8"/>
          <p:cNvSpPr/>
          <p:nvPr/>
        </p:nvSpPr>
        <p:spPr>
          <a:xfrm>
            <a:off x="0" y="0"/>
            <a:ext cx="12192000" cy="386692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90000"/>
                </a:schemeClr>
              </a:gs>
              <a:gs pos="48000">
                <a:schemeClr val="bg1">
                  <a:alpha val="63000"/>
                </a:schemeClr>
              </a:gs>
              <a:gs pos="100000">
                <a:schemeClr val="bg2">
                  <a:alpha val="8000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0" y="2652311"/>
            <a:ext cx="12192000" cy="228600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0"/>
                </a:schemeClr>
              </a:gs>
              <a:gs pos="29000">
                <a:schemeClr val="bg1">
                  <a:alpha val="30000"/>
                </a:schemeClr>
              </a:gs>
              <a:gs pos="45000">
                <a:schemeClr val="bg2">
                  <a:alpha val="40000"/>
                </a:schemeClr>
              </a:gs>
              <a:gs pos="55000">
                <a:schemeClr val="bg1">
                  <a:alpha val="26000"/>
                </a:schemeClr>
              </a:gs>
              <a:gs pos="65000">
                <a:schemeClr val="bg2">
                  <a:alpha val="60000"/>
                </a:schemeClr>
              </a:gs>
              <a:gs pos="100000">
                <a:schemeClr val="bg1">
                  <a:alpha val="0"/>
                </a:schemeClr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11" name="Oval 10"/>
          <p:cNvSpPr/>
          <p:nvPr/>
        </p:nvSpPr>
        <p:spPr>
          <a:xfrm>
            <a:off x="0" y="1600200"/>
            <a:ext cx="12192000" cy="5105400"/>
          </a:xfrm>
          <a:prstGeom prst="ellipse">
            <a:avLst/>
          </a:prstGeom>
          <a:gradFill flip="none" rotWithShape="1">
            <a:gsLst>
              <a:gs pos="0">
                <a:schemeClr val="bg1"/>
              </a:gs>
              <a:gs pos="54000">
                <a:schemeClr val="bg1">
                  <a:alpha val="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966900" y="1143001"/>
            <a:ext cx="5486400" cy="3127807"/>
          </a:xfrm>
          <a:prstGeom prst="roundRect">
            <a:avLst>
              <a:gd name="adj" fmla="val 4230"/>
            </a:avLst>
          </a:prstGeom>
          <a:solidFill>
            <a:schemeClr val="bg2">
              <a:lumMod val="90000"/>
            </a:schemeClr>
          </a:solidFill>
          <a:effectLst>
            <a:reflection blurRad="4350" stA="23000" endA="300" endPos="28000" dir="5400000" sy="-100000" algn="bl" rotWithShape="0"/>
          </a:effectLst>
          <a:scene3d>
            <a:camera prst="perspectiveContrastingLeftFacing" fov="1800000">
              <a:rot lat="300000" lon="2100000" rev="0"/>
            </a:camera>
            <a:lightRig rig="balanced" dir="t"/>
          </a:scene3d>
          <a:sp3d>
            <a:bevelT w="50800" h="50800"/>
          </a:sp3d>
        </p:spPr>
        <p:txBody>
          <a:bodyPr>
            <a:normAutofit/>
            <a:flatTx/>
          </a:bodyPr>
          <a:lstStyle>
            <a:lvl1pPr marL="0" indent="0" algn="ctr">
              <a:buNone/>
              <a:defRPr sz="20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70516" y="1010486"/>
            <a:ext cx="4925485" cy="2163020"/>
          </a:xfrm>
        </p:spPr>
        <p:txBody>
          <a:bodyPr anchor="b"/>
          <a:lstStyle>
            <a:lvl1pPr marL="182880" indent="-182880">
              <a:buFont typeface="Georgia" panose="02040502050405020303" pitchFamily="18" charset="0"/>
              <a:buChar char="*"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1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69691" y="4464421"/>
            <a:ext cx="8511384" cy="1143000"/>
          </a:xfrm>
        </p:spPr>
        <p:txBody>
          <a:bodyPr anchor="b">
            <a:noAutofit/>
          </a:bodyPr>
          <a:lstStyle>
            <a:lvl1pPr algn="l">
              <a:defRPr sz="4700" b="1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</p:spTree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2540000" y="731519"/>
            <a:ext cx="8534400" cy="3474720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1538344" y="376517"/>
            <a:ext cx="2743200" cy="5238339"/>
          </a:xfrm>
          <a:effectLst/>
        </p:spPr>
        <p:txBody>
          <a:bodyPr vert="eaVert"/>
          <a:lstStyle>
            <a:lvl1pPr algn="l">
              <a:defRPr/>
            </a:lvl1pPr>
          </a:lstStyle>
          <a:p>
            <a:r>
              <a:rPr lang="en-US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432151" y="731519"/>
            <a:ext cx="6439049" cy="4894729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2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 showMasterSp="0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/>
          <p:cNvSpPr/>
          <p:nvPr/>
        </p:nvSpPr>
        <p:spPr>
          <a:xfrm>
            <a:off x="0" y="3866920"/>
            <a:ext cx="12192000" cy="2991080"/>
          </a:xfrm>
          <a:prstGeom prst="rect">
            <a:avLst/>
          </a:prstGeom>
          <a:gradFill>
            <a:gsLst>
              <a:gs pos="0">
                <a:schemeClr val="bg1">
                  <a:alpha val="91000"/>
                </a:schemeClr>
              </a:gs>
              <a:gs pos="37000">
                <a:schemeClr val="bg1">
                  <a:alpha val="76000"/>
                </a:schemeClr>
              </a:gs>
              <a:gs pos="100000">
                <a:schemeClr val="bg2">
                  <a:alpha val="79000"/>
                </a:schemeClr>
              </a:gs>
            </a:gsLst>
            <a:path path="circle">
              <a:fillToRect l="50000" t="50000" r="50000" b="50000"/>
            </a:path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12" name="Rectangle 11"/>
          <p:cNvSpPr/>
          <p:nvPr/>
        </p:nvSpPr>
        <p:spPr>
          <a:xfrm>
            <a:off x="0" y="0"/>
            <a:ext cx="12192000" cy="386692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89000"/>
                </a:schemeClr>
              </a:gs>
              <a:gs pos="48000">
                <a:schemeClr val="bg1">
                  <a:alpha val="62000"/>
                </a:schemeClr>
              </a:gs>
              <a:gs pos="100000">
                <a:schemeClr val="bg2">
                  <a:alpha val="7900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13" name="Rectangle 12"/>
          <p:cNvSpPr/>
          <p:nvPr/>
        </p:nvSpPr>
        <p:spPr>
          <a:xfrm>
            <a:off x="0" y="2652311"/>
            <a:ext cx="12192000" cy="228600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0"/>
                </a:schemeClr>
              </a:gs>
              <a:gs pos="29000">
                <a:schemeClr val="bg1">
                  <a:alpha val="30000"/>
                </a:schemeClr>
              </a:gs>
              <a:gs pos="45000">
                <a:schemeClr val="bg2">
                  <a:alpha val="40000"/>
                </a:schemeClr>
              </a:gs>
              <a:gs pos="55000">
                <a:schemeClr val="bg1">
                  <a:alpha val="26000"/>
                </a:schemeClr>
              </a:gs>
              <a:gs pos="65000">
                <a:schemeClr val="bg2">
                  <a:alpha val="60000"/>
                </a:schemeClr>
              </a:gs>
              <a:gs pos="100000">
                <a:schemeClr val="bg1">
                  <a:alpha val="0"/>
                </a:schemeClr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14" name="Oval 13"/>
          <p:cNvSpPr/>
          <p:nvPr/>
        </p:nvSpPr>
        <p:spPr>
          <a:xfrm>
            <a:off x="0" y="1600200"/>
            <a:ext cx="12192000" cy="5105400"/>
          </a:xfrm>
          <a:prstGeom prst="ellipse">
            <a:avLst/>
          </a:prstGeom>
          <a:gradFill flip="none" rotWithShape="1">
            <a:gsLst>
              <a:gs pos="0">
                <a:schemeClr val="bg1"/>
              </a:gs>
              <a:gs pos="54000">
                <a:schemeClr val="bg1">
                  <a:alpha val="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65060" y="5052547"/>
            <a:ext cx="7516013" cy="882119"/>
          </a:xfrm>
        </p:spPr>
        <p:txBody>
          <a:bodyPr>
            <a:normAutofit/>
          </a:bodyPr>
          <a:lstStyle>
            <a:lvl1pPr marL="0" indent="0" algn="l">
              <a:buNone/>
              <a:defRPr sz="2300">
                <a:solidFill>
                  <a:schemeClr val="tx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90108" y="3132291"/>
            <a:ext cx="9567135" cy="1793167"/>
          </a:xfrm>
          <a:effectLst/>
        </p:spPr>
        <p:txBody>
          <a:bodyPr>
            <a:noAutofit/>
          </a:bodyPr>
          <a:lstStyle>
            <a:lvl1pPr marL="640080" indent="-457200" algn="l">
              <a:defRPr sz="55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</p:spTree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/>
          </a:p>
        </p:txBody>
      </p:sp>
      <p:sp>
        <p:nvSpPr>
          <p:cNvPr id="10" name="Content Placeholder 9"/>
          <p:cNvSpPr>
            <a:spLocks noGrp="1"/>
          </p:cNvSpPr>
          <p:nvPr>
            <p:ph sz="quarter" idx="13"/>
          </p:nvPr>
        </p:nvSpPr>
        <p:spPr>
          <a:xfrm>
            <a:off x="1524000" y="731520"/>
            <a:ext cx="8534400" cy="3474720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</p:spTree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0" y="3866920"/>
            <a:ext cx="12192000" cy="2991080"/>
          </a:xfrm>
          <a:prstGeom prst="rect">
            <a:avLst/>
          </a:prstGeom>
          <a:gradFill>
            <a:gsLst>
              <a:gs pos="0">
                <a:schemeClr val="bg1">
                  <a:alpha val="92000"/>
                </a:schemeClr>
              </a:gs>
              <a:gs pos="37000">
                <a:schemeClr val="bg1">
                  <a:alpha val="77000"/>
                </a:schemeClr>
              </a:gs>
              <a:gs pos="100000">
                <a:schemeClr val="bg2">
                  <a:alpha val="80000"/>
                </a:schemeClr>
              </a:gs>
            </a:gsLst>
            <a:path path="circle">
              <a:fillToRect l="50000" t="50000" r="50000" b="50000"/>
            </a:path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8" name="Rectangle 7"/>
          <p:cNvSpPr/>
          <p:nvPr/>
        </p:nvSpPr>
        <p:spPr>
          <a:xfrm>
            <a:off x="0" y="0"/>
            <a:ext cx="12192000" cy="386692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90000"/>
                </a:schemeClr>
              </a:gs>
              <a:gs pos="48000">
                <a:schemeClr val="bg1">
                  <a:alpha val="63000"/>
                </a:schemeClr>
              </a:gs>
              <a:gs pos="100000">
                <a:schemeClr val="bg2">
                  <a:alpha val="8000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9" name="Rectangle 8"/>
          <p:cNvSpPr/>
          <p:nvPr/>
        </p:nvSpPr>
        <p:spPr>
          <a:xfrm>
            <a:off x="0" y="2652311"/>
            <a:ext cx="12192000" cy="228600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0"/>
                </a:schemeClr>
              </a:gs>
              <a:gs pos="29000">
                <a:schemeClr val="bg1">
                  <a:alpha val="30000"/>
                </a:schemeClr>
              </a:gs>
              <a:gs pos="45000">
                <a:schemeClr val="bg2">
                  <a:alpha val="40000"/>
                </a:schemeClr>
              </a:gs>
              <a:gs pos="55000">
                <a:schemeClr val="bg1">
                  <a:alpha val="26000"/>
                </a:schemeClr>
              </a:gs>
              <a:gs pos="65000">
                <a:schemeClr val="bg2">
                  <a:alpha val="60000"/>
                </a:schemeClr>
              </a:gs>
              <a:gs pos="100000">
                <a:schemeClr val="bg1">
                  <a:alpha val="0"/>
                </a:schemeClr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10" name="Oval 9"/>
          <p:cNvSpPr/>
          <p:nvPr/>
        </p:nvSpPr>
        <p:spPr>
          <a:xfrm>
            <a:off x="0" y="1600200"/>
            <a:ext cx="12192000" cy="5105400"/>
          </a:xfrm>
          <a:prstGeom prst="ellipse">
            <a:avLst/>
          </a:prstGeom>
          <a:gradFill flip="none" rotWithShape="1">
            <a:gsLst>
              <a:gs pos="0">
                <a:schemeClr val="bg1"/>
              </a:gs>
              <a:gs pos="54000">
                <a:schemeClr val="bg1">
                  <a:alpha val="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710928" y="2172648"/>
            <a:ext cx="7955555" cy="2423347"/>
          </a:xfrm>
          <a:effectLst/>
        </p:spPr>
        <p:txBody>
          <a:bodyPr anchor="b"/>
          <a:lstStyle>
            <a:lvl1pPr algn="r">
              <a:defRPr sz="4700" b="1" cap="none" baseline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696584" y="4607511"/>
            <a:ext cx="7960659" cy="835460"/>
          </a:xfrm>
        </p:spPr>
        <p:txBody>
          <a:bodyPr anchor="t"/>
          <a:lstStyle>
            <a:lvl1pPr marL="0" indent="0" algn="r">
              <a:buNone/>
              <a:defRPr sz="2000">
                <a:solidFill>
                  <a:schemeClr val="tx2"/>
                </a:solidFill>
              </a:defRPr>
            </a:lvl1pPr>
            <a:lvl2pPr marL="457200" indent="0">
              <a:buNone/>
              <a:defRPr sz="19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/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523999" y="731519"/>
            <a:ext cx="4462272" cy="3474720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6193536" y="731520"/>
            <a:ext cx="4462272" cy="3474720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524000" y="731520"/>
            <a:ext cx="4462272" cy="639763"/>
          </a:xfrm>
        </p:spPr>
        <p:txBody>
          <a:bodyPr anchor="b">
            <a:noAutofit/>
          </a:bodyPr>
          <a:lstStyle>
            <a:lvl1pPr marL="0" indent="0" algn="ctr">
              <a:buNone/>
              <a:defRPr lang="en-US" sz="2400" b="1" i="0" kern="1200" dirty="0" smtClean="0">
                <a:gradFill>
                  <a:gsLst>
                    <a:gs pos="0">
                      <a:schemeClr val="tx1"/>
                    </a:gs>
                    <a:gs pos="40000">
                      <a:schemeClr val="tx1">
                        <a:lumMod val="75000"/>
                        <a:lumOff val="25000"/>
                      </a:schemeClr>
                    </a:gs>
                    <a:gs pos="100000">
                      <a:schemeClr val="tx2">
                        <a:alpha val="65000"/>
                      </a:schemeClr>
                    </a:gs>
                  </a:gsLst>
                  <a:lin ang="5400000" scaled="0"/>
                </a:gradFill>
                <a:effectLst/>
                <a:latin typeface="+mj-lt"/>
                <a:ea typeface="+mj-ea"/>
                <a:cs typeface="+mj-cs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9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541929" y="1400327"/>
            <a:ext cx="4462272" cy="2743200"/>
          </a:xfrm>
        </p:spPr>
        <p:txBody>
          <a:bodyPr>
            <a:normAutofit/>
          </a:bodyPr>
          <a:lstStyle>
            <a:lvl1pPr>
              <a:defRPr sz="1900"/>
            </a:lvl1pPr>
            <a:lvl2pPr>
              <a:defRPr sz="19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96403" y="731520"/>
            <a:ext cx="4462272" cy="639763"/>
          </a:xfrm>
        </p:spPr>
        <p:txBody>
          <a:bodyPr anchor="b">
            <a:noAutofit/>
          </a:bodyPr>
          <a:lstStyle>
            <a:lvl1pPr marL="0" indent="0" algn="ctr">
              <a:buNone/>
              <a:defRPr lang="en-US" sz="2400" b="1" i="0" kern="1200" dirty="0" smtClean="0">
                <a:gradFill>
                  <a:gsLst>
                    <a:gs pos="0">
                      <a:schemeClr val="tx1"/>
                    </a:gs>
                    <a:gs pos="40000">
                      <a:schemeClr val="tx1">
                        <a:lumMod val="75000"/>
                        <a:lumOff val="25000"/>
                      </a:schemeClr>
                    </a:gs>
                    <a:gs pos="100000">
                      <a:schemeClr val="tx2">
                        <a:alpha val="65000"/>
                      </a:schemeClr>
                    </a:gs>
                  </a:gsLst>
                  <a:lin ang="5400000" scaled="0"/>
                </a:gradFill>
                <a:effectLst/>
                <a:latin typeface="+mj-lt"/>
                <a:ea typeface="+mj-ea"/>
                <a:cs typeface="+mj-cs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9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marL="0" lvl="0" indent="0" algn="ctr" defTabSz="914400" rtl="0" eaLnBrk="1" latinLnBrk="0" hangingPunct="1">
              <a:spcBef>
                <a:spcPct val="20000"/>
              </a:spcBef>
              <a:spcAft>
                <a:spcPts val="300"/>
              </a:spcAft>
              <a:buClr>
                <a:schemeClr val="accent6">
                  <a:lumMod val="75000"/>
                </a:schemeClr>
              </a:buClr>
              <a:buSzPct val="130000"/>
              <a:buFont typeface="Georgia" panose="02040502050405020303" pitchFamily="18" charset="0"/>
              <a:buNone/>
            </a:pPr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93367" y="1399032"/>
            <a:ext cx="4462272" cy="2743200"/>
          </a:xfrm>
        </p:spPr>
        <p:txBody>
          <a:bodyPr>
            <a:normAutofit/>
          </a:bodyPr>
          <a:lstStyle>
            <a:lvl1pPr>
              <a:defRPr sz="1900"/>
            </a:lvl1pPr>
            <a:lvl2pPr>
              <a:defRPr sz="19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10" name="Title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</p:spTree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18795" y="2209802"/>
            <a:ext cx="4848113" cy="1258493"/>
          </a:xfrm>
          <a:effectLst/>
        </p:spPr>
        <p:txBody>
          <a:bodyPr anchor="b">
            <a:noAutofit/>
          </a:bodyPr>
          <a:lstStyle>
            <a:lvl1pPr marL="228600" indent="-228600" algn="l">
              <a:defRPr sz="2800" b="1">
                <a:effectLst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124689" y="731520"/>
            <a:ext cx="5356113" cy="4894731"/>
          </a:xfrm>
        </p:spPr>
        <p:txBody>
          <a:bodyPr anchor="ctr"/>
          <a:lstStyle>
            <a:lvl1pPr>
              <a:defRPr sz="2300"/>
            </a:lvl1pPr>
            <a:lvl2pPr>
              <a:defRPr sz="2000"/>
            </a:lvl2pPr>
            <a:lvl3pPr>
              <a:defRPr sz="1900"/>
            </a:lvl3pPr>
            <a:lvl4pPr>
              <a:defRPr sz="1600"/>
            </a:lvl4pPr>
            <a:lvl5pPr>
              <a:defRPr sz="15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434353" y="3497802"/>
            <a:ext cx="4518213" cy="2139519"/>
          </a:xfrm>
        </p:spPr>
        <p:txBody>
          <a:bodyPr/>
          <a:lstStyle>
            <a:lvl1pPr marL="0" indent="0">
              <a:buNone/>
              <a:defRPr sz="1500"/>
            </a:lvl1pPr>
            <a:lvl2pPr marL="457200" indent="0">
              <a:buNone/>
              <a:defRPr sz="1200"/>
            </a:lvl2pPr>
            <a:lvl3pPr marL="914400" indent="0">
              <a:buNone/>
              <a:defRPr sz="11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 showMasterSp="0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/>
          <p:nvPr/>
        </p:nvSpPr>
        <p:spPr>
          <a:xfrm>
            <a:off x="0" y="3866920"/>
            <a:ext cx="12192000" cy="2991080"/>
          </a:xfrm>
          <a:prstGeom prst="rect">
            <a:avLst/>
          </a:prstGeom>
          <a:gradFill>
            <a:gsLst>
              <a:gs pos="0">
                <a:schemeClr val="bg1">
                  <a:alpha val="92000"/>
                </a:schemeClr>
              </a:gs>
              <a:gs pos="37000">
                <a:schemeClr val="bg1">
                  <a:alpha val="77000"/>
                </a:schemeClr>
              </a:gs>
              <a:gs pos="100000">
                <a:schemeClr val="bg2">
                  <a:alpha val="80000"/>
                </a:schemeClr>
              </a:gs>
            </a:gsLst>
            <a:path path="circle">
              <a:fillToRect l="50000" t="50000" r="50000" b="50000"/>
            </a:path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9" name="Rectangle 8"/>
          <p:cNvSpPr/>
          <p:nvPr/>
        </p:nvSpPr>
        <p:spPr>
          <a:xfrm>
            <a:off x="0" y="0"/>
            <a:ext cx="12192000" cy="386692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90000"/>
                </a:schemeClr>
              </a:gs>
              <a:gs pos="48000">
                <a:schemeClr val="bg1">
                  <a:alpha val="63000"/>
                </a:schemeClr>
              </a:gs>
              <a:gs pos="100000">
                <a:schemeClr val="bg2">
                  <a:alpha val="8000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0" y="2652311"/>
            <a:ext cx="12192000" cy="228600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0"/>
                </a:schemeClr>
              </a:gs>
              <a:gs pos="29000">
                <a:schemeClr val="bg1">
                  <a:alpha val="30000"/>
                </a:schemeClr>
              </a:gs>
              <a:gs pos="45000">
                <a:schemeClr val="bg2">
                  <a:alpha val="40000"/>
                </a:schemeClr>
              </a:gs>
              <a:gs pos="55000">
                <a:schemeClr val="bg1">
                  <a:alpha val="26000"/>
                </a:schemeClr>
              </a:gs>
              <a:gs pos="65000">
                <a:schemeClr val="bg2">
                  <a:alpha val="60000"/>
                </a:schemeClr>
              </a:gs>
              <a:gs pos="100000">
                <a:schemeClr val="bg1">
                  <a:alpha val="0"/>
                </a:schemeClr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11" name="Oval 10"/>
          <p:cNvSpPr/>
          <p:nvPr/>
        </p:nvSpPr>
        <p:spPr>
          <a:xfrm>
            <a:off x="0" y="1600200"/>
            <a:ext cx="12192000" cy="5105400"/>
          </a:xfrm>
          <a:prstGeom prst="ellipse">
            <a:avLst/>
          </a:prstGeom>
          <a:gradFill flip="none" rotWithShape="1">
            <a:gsLst>
              <a:gs pos="0">
                <a:schemeClr val="bg1"/>
              </a:gs>
              <a:gs pos="54000">
                <a:schemeClr val="bg1">
                  <a:alpha val="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966900" y="1143001"/>
            <a:ext cx="5486400" cy="3127807"/>
          </a:xfrm>
          <a:prstGeom prst="roundRect">
            <a:avLst>
              <a:gd name="adj" fmla="val 4230"/>
            </a:avLst>
          </a:prstGeom>
          <a:solidFill>
            <a:schemeClr val="bg2">
              <a:lumMod val="90000"/>
            </a:schemeClr>
          </a:solidFill>
          <a:effectLst>
            <a:reflection blurRad="4350" stA="23000" endA="300" endPos="28000" dir="5400000" sy="-100000" algn="bl" rotWithShape="0"/>
          </a:effectLst>
          <a:scene3d>
            <a:camera prst="perspectiveContrastingLeftFacing" fov="1800000">
              <a:rot lat="300000" lon="2100000" rev="0"/>
            </a:camera>
            <a:lightRig rig="balanced" dir="t"/>
          </a:scene3d>
          <a:sp3d>
            <a:bevelT w="50800" h="50800"/>
          </a:sp3d>
        </p:spPr>
        <p:txBody>
          <a:bodyPr>
            <a:normAutofit/>
            <a:flatTx/>
          </a:bodyPr>
          <a:lstStyle>
            <a:lvl1pPr marL="0" indent="0" algn="ctr">
              <a:buNone/>
              <a:defRPr sz="20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70516" y="1010486"/>
            <a:ext cx="4925485" cy="2163020"/>
          </a:xfrm>
        </p:spPr>
        <p:txBody>
          <a:bodyPr anchor="b"/>
          <a:lstStyle>
            <a:lvl1pPr marL="182880" indent="-182880">
              <a:buFont typeface="Georgia" panose="02040502050405020303" pitchFamily="18" charset="0"/>
              <a:buChar char="*"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1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69691" y="4464421"/>
            <a:ext cx="8511384" cy="1143000"/>
          </a:xfrm>
        </p:spPr>
        <p:txBody>
          <a:bodyPr anchor="b">
            <a:noAutofit/>
          </a:bodyPr>
          <a:lstStyle>
            <a:lvl1pPr algn="l">
              <a:defRPr sz="4700" b="1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</p:spTree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2540000" y="731519"/>
            <a:ext cx="8534400" cy="3474720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obj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SG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1538344" y="376517"/>
            <a:ext cx="2743200" cy="5238339"/>
          </a:xfrm>
          <a:effectLst/>
        </p:spPr>
        <p:txBody>
          <a:bodyPr vert="eaVert"/>
          <a:lstStyle>
            <a:lvl1pPr algn="l">
              <a:defRPr/>
            </a:lvl1pPr>
          </a:lstStyle>
          <a:p>
            <a:r>
              <a:rPr lang="en-US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432151" y="731519"/>
            <a:ext cx="6439049" cy="4894729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matchingName="Blank">
  <p:cSld name="Blank">
    <p:spTree>
      <p:nvGrpSpPr>
        <p:cNvPr id="1" name="Shape 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Google Shape;16;p22"/>
          <p:cNvSpPr txBox="1">
            <a:spLocks noGrp="1"/>
          </p:cNvSpPr>
          <p:nvPr>
            <p:ph type="dt" idx="10"/>
          </p:nvPr>
        </p:nvSpPr>
        <p:spPr>
          <a:xfrm>
            <a:off x="304800" y="4237574"/>
            <a:ext cx="1422400" cy="24341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60918" tIns="30451" rIns="60918" bIns="30451" anchor="ctr" anchorCtr="0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17" name="Google Shape;17;p22"/>
          <p:cNvSpPr txBox="1">
            <a:spLocks noGrp="1"/>
          </p:cNvSpPr>
          <p:nvPr>
            <p:ph type="ftr" idx="11"/>
          </p:nvPr>
        </p:nvSpPr>
        <p:spPr>
          <a:xfrm>
            <a:off x="2082800" y="4237574"/>
            <a:ext cx="1930400" cy="24341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60918" tIns="30451" rIns="60918" bIns="30451" anchor="ctr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/>
        </p:txBody>
      </p:sp>
      <p:sp>
        <p:nvSpPr>
          <p:cNvPr id="18" name="Google Shape;18;p22"/>
          <p:cNvSpPr txBox="1">
            <a:spLocks noGrp="1"/>
          </p:cNvSpPr>
          <p:nvPr>
            <p:ph type="sldNum" idx="12"/>
          </p:nvPr>
        </p:nvSpPr>
        <p:spPr>
          <a:xfrm>
            <a:off x="4368800" y="4237574"/>
            <a:ext cx="1422400" cy="24341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60918" tIns="30451" rIns="60918" bIns="30451" anchor="ctr" anchorCtr="0">
            <a:noAutofit/>
          </a:bodyPr>
          <a:lstStyle>
            <a:lvl1pPr marL="0" lvl="0" indent="0" algn="r">
              <a:spcBef>
                <a:spcPts val="0"/>
              </a:spcBef>
              <a:buNone/>
              <a:defRPr/>
            </a:lvl1pPr>
            <a:lvl2pPr marL="0" lvl="1" indent="0" algn="r">
              <a:spcBef>
                <a:spcPts val="0"/>
              </a:spcBef>
              <a:buNone/>
              <a:defRPr/>
            </a:lvl2pPr>
            <a:lvl3pPr marL="0" lvl="2" indent="0" algn="r">
              <a:spcBef>
                <a:spcPts val="0"/>
              </a:spcBef>
              <a:buNone/>
              <a:defRPr/>
            </a:lvl3pPr>
            <a:lvl4pPr marL="0" lvl="3" indent="0" algn="r">
              <a:spcBef>
                <a:spcPts val="0"/>
              </a:spcBef>
              <a:buNone/>
              <a:defRPr/>
            </a:lvl4pPr>
            <a:lvl5pPr marL="0" lvl="4" indent="0" algn="r">
              <a:spcBef>
                <a:spcPts val="0"/>
              </a:spcBef>
              <a:buNone/>
              <a:defRPr/>
            </a:lvl5pPr>
            <a:lvl6pPr marL="0" lvl="5" indent="0" algn="r">
              <a:spcBef>
                <a:spcPts val="0"/>
              </a:spcBef>
              <a:buNone/>
              <a:defRPr/>
            </a:lvl6pPr>
            <a:lvl7pPr marL="0" lvl="6" indent="0" algn="r">
              <a:spcBef>
                <a:spcPts val="0"/>
              </a:spcBef>
              <a:buNone/>
              <a:defRPr/>
            </a:lvl7pPr>
            <a:lvl8pPr marL="0" lvl="7" indent="0" algn="r">
              <a:spcBef>
                <a:spcPts val="0"/>
              </a:spcBef>
              <a:buNone/>
              <a:defRPr/>
            </a:lvl8pPr>
            <a:lvl9pPr marL="0" lvl="8" indent="0" algn="r">
              <a:spcBef>
                <a:spcPts val="0"/>
              </a:spcBef>
              <a:buNone/>
              <a:defRPr/>
            </a:lvl9pPr>
          </a:lstStyle>
          <a:p>
            <a:fld id="{00000000-1234-1234-1234-123412341234}" type="slidenum">
              <a:rPr lang="en-US" smtClean="0"/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7"/>
            <a:ext cx="9144000" cy="1655763"/>
          </a:xfrm>
        </p:spPr>
        <p:txBody>
          <a:bodyPr/>
          <a:lstStyle>
            <a:lvl1pPr marL="0" indent="0" algn="ctr">
              <a:buNone/>
              <a:defRPr sz="2400"/>
            </a:lvl1pPr>
            <a:lvl2pPr marL="456565" indent="0" algn="ctr">
              <a:buNone/>
              <a:defRPr sz="2000"/>
            </a:lvl2pPr>
            <a:lvl3pPr marL="913765" indent="0" algn="ctr">
              <a:buNone/>
              <a:defRPr sz="1900"/>
            </a:lvl3pPr>
            <a:lvl4pPr marL="1370330" indent="0" algn="ctr">
              <a:buNone/>
              <a:defRPr sz="1600"/>
            </a:lvl4pPr>
            <a:lvl5pPr marL="1827530" indent="0" algn="ctr">
              <a:buNone/>
              <a:defRPr sz="1600"/>
            </a:lvl5pPr>
            <a:lvl6pPr marL="2284095" indent="0" algn="ctr">
              <a:buNone/>
              <a:defRPr sz="1600"/>
            </a:lvl6pPr>
            <a:lvl7pPr marL="2741295" indent="0" algn="ctr">
              <a:buNone/>
              <a:defRPr sz="1600"/>
            </a:lvl7pPr>
            <a:lvl8pPr marL="3197860" indent="0" algn="ctr">
              <a:buNone/>
              <a:defRPr sz="1600"/>
            </a:lvl8pPr>
            <a:lvl9pPr marL="365506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SG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SG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49" y="1709749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49" y="458947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6565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3765" indent="0">
              <a:buNone/>
              <a:defRPr sz="1900">
                <a:solidFill>
                  <a:schemeClr val="tx1">
                    <a:tint val="75000"/>
                  </a:schemeClr>
                </a:solidFill>
              </a:defRPr>
            </a:lvl3pPr>
            <a:lvl4pPr marL="137033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753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4095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1295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19786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506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9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SG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9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SG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6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_rels/slideMaster2.xml.rels><?xml version="1.0" encoding="UTF-8" standalone="yes"?>
<Relationships xmlns="http://schemas.openxmlformats.org/package/2006/relationships"><Relationship Id="rId9" Type="http://schemas.openxmlformats.org/officeDocument/2006/relationships/slideLayout" Target="../slideLayouts/slideLayout14.xml"/><Relationship Id="rId8" Type="http://schemas.openxmlformats.org/officeDocument/2006/relationships/slideLayout" Target="../slideLayouts/slideLayout13.xml"/><Relationship Id="rId7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1.xml"/><Relationship Id="rId5" Type="http://schemas.openxmlformats.org/officeDocument/2006/relationships/slideLayout" Target="../slideLayouts/slideLayout10.xml"/><Relationship Id="rId4" Type="http://schemas.openxmlformats.org/officeDocument/2006/relationships/slideLayout" Target="../slideLayouts/slideLayout9.xml"/><Relationship Id="rId3" Type="http://schemas.openxmlformats.org/officeDocument/2006/relationships/slideLayout" Target="../slideLayouts/slideLayout8.xml"/><Relationship Id="rId2" Type="http://schemas.openxmlformats.org/officeDocument/2006/relationships/slideLayout" Target="../slideLayouts/slideLayout7.xml"/><Relationship Id="rId14" Type="http://schemas.openxmlformats.org/officeDocument/2006/relationships/theme" Target="../theme/theme2.xml"/><Relationship Id="rId13" Type="http://schemas.openxmlformats.org/officeDocument/2006/relationships/slideLayout" Target="../slideLayouts/slideLayout18.xml"/><Relationship Id="rId12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15.xml"/><Relationship Id="rId1" Type="http://schemas.openxmlformats.org/officeDocument/2006/relationships/slideLayout" Target="../slideLayouts/slideLayout6.xml"/></Relationships>
</file>

<file path=ppt/slideMasters/_rels/slideMaster3.xml.rels><?xml version="1.0" encoding="UTF-8" standalone="yes"?>
<Relationships xmlns="http://schemas.openxmlformats.org/package/2006/relationships"><Relationship Id="rId9" Type="http://schemas.openxmlformats.org/officeDocument/2006/relationships/slideLayout" Target="../slideLayouts/slideLayout27.xml"/><Relationship Id="rId8" Type="http://schemas.openxmlformats.org/officeDocument/2006/relationships/slideLayout" Target="../slideLayouts/slideLayout26.xml"/><Relationship Id="rId7" Type="http://schemas.openxmlformats.org/officeDocument/2006/relationships/slideLayout" Target="../slideLayouts/slideLayout25.xml"/><Relationship Id="rId6" Type="http://schemas.openxmlformats.org/officeDocument/2006/relationships/slideLayout" Target="../slideLayouts/slideLayout24.xml"/><Relationship Id="rId5" Type="http://schemas.openxmlformats.org/officeDocument/2006/relationships/slideLayout" Target="../slideLayouts/slideLayout23.xml"/><Relationship Id="rId4" Type="http://schemas.openxmlformats.org/officeDocument/2006/relationships/slideLayout" Target="../slideLayouts/slideLayout22.xml"/><Relationship Id="rId3" Type="http://schemas.openxmlformats.org/officeDocument/2006/relationships/slideLayout" Target="../slideLayouts/slideLayout21.xml"/><Relationship Id="rId2" Type="http://schemas.openxmlformats.org/officeDocument/2006/relationships/slideLayout" Target="../slideLayouts/slideLayout20.xml"/><Relationship Id="rId12" Type="http://schemas.openxmlformats.org/officeDocument/2006/relationships/theme" Target="../theme/theme3.xml"/><Relationship Id="rId11" Type="http://schemas.openxmlformats.org/officeDocument/2006/relationships/slideLayout" Target="../slideLayouts/slideLayout29.xml"/><Relationship Id="rId10" Type="http://schemas.openxmlformats.org/officeDocument/2006/relationships/slideLayout" Target="../slideLayouts/slideLayout28.xml"/><Relationship Id="rId1" Type="http://schemas.openxmlformats.org/officeDocument/2006/relationships/slideLayout" Target="../slideLayouts/slideLayout19.xml"/></Relationships>
</file>

<file path=ppt/slideMasters/_rels/slideMaster4.xml.rels><?xml version="1.0" encoding="UTF-8" standalone="yes"?>
<Relationships xmlns="http://schemas.openxmlformats.org/package/2006/relationships"><Relationship Id="rId9" Type="http://schemas.openxmlformats.org/officeDocument/2006/relationships/slideLayout" Target="../slideLayouts/slideLayout38.xml"/><Relationship Id="rId8" Type="http://schemas.openxmlformats.org/officeDocument/2006/relationships/slideLayout" Target="../slideLayouts/slideLayout37.xml"/><Relationship Id="rId7" Type="http://schemas.openxmlformats.org/officeDocument/2006/relationships/slideLayout" Target="../slideLayouts/slideLayout36.xml"/><Relationship Id="rId6" Type="http://schemas.openxmlformats.org/officeDocument/2006/relationships/slideLayout" Target="../slideLayouts/slideLayout35.xml"/><Relationship Id="rId5" Type="http://schemas.openxmlformats.org/officeDocument/2006/relationships/slideLayout" Target="../slideLayouts/slideLayout34.xml"/><Relationship Id="rId4" Type="http://schemas.openxmlformats.org/officeDocument/2006/relationships/slideLayout" Target="../slideLayouts/slideLayout33.xml"/><Relationship Id="rId3" Type="http://schemas.openxmlformats.org/officeDocument/2006/relationships/slideLayout" Target="../slideLayouts/slideLayout32.xml"/><Relationship Id="rId2" Type="http://schemas.openxmlformats.org/officeDocument/2006/relationships/slideLayout" Target="../slideLayouts/slideLayout31.xml"/><Relationship Id="rId12" Type="http://schemas.openxmlformats.org/officeDocument/2006/relationships/theme" Target="../theme/theme4.xml"/><Relationship Id="rId11" Type="http://schemas.openxmlformats.org/officeDocument/2006/relationships/slideLayout" Target="../slideLayouts/slideLayout40.xml"/><Relationship Id="rId10" Type="http://schemas.openxmlformats.org/officeDocument/2006/relationships/slideLayout" Target="../slideLayouts/slideLayout39.xml"/><Relationship Id="rId1" Type="http://schemas.openxmlformats.org/officeDocument/2006/relationships/slideLayout" Target="../slideLayouts/slideLayout3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文本框 6"/>
          <p:cNvSpPr txBox="1"/>
          <p:nvPr userDrawn="1"/>
        </p:nvSpPr>
        <p:spPr>
          <a:xfrm>
            <a:off x="4318000" y="2971801"/>
            <a:ext cx="3556000" cy="246161"/>
          </a:xfrm>
          <a:prstGeom prst="rect">
            <a:avLst/>
          </a:prstGeom>
          <a:noFill/>
        </p:spPr>
        <p:txBody>
          <a:bodyPr wrap="square" lIns="91375" tIns="45690" rIns="91375" bIns="45690" rtlCol="0">
            <a:spAutoFit/>
          </a:bodyPr>
          <a:lstStyle/>
          <a:p>
            <a:r>
              <a:rPr lang="zh-CN" altLang="en-US" sz="300" dirty="0">
                <a:solidFill>
                  <a:schemeClr val="bg1"/>
                </a:solidFill>
                <a:latin typeface="Microsoft YaHei" panose="020B0503020204020204" pitchFamily="34" charset="-122"/>
                <a:ea typeface="Microsoft YaHei" panose="020B0503020204020204" pitchFamily="34" charset="-122"/>
                <a:sym typeface="+mn-ea"/>
              </a:rPr>
              <a:t>感谢您下载包图网平台上提供的</a:t>
            </a:r>
            <a:r>
              <a:rPr lang="en-US" altLang="zh-CN" sz="300" dirty="0">
                <a:solidFill>
                  <a:schemeClr val="bg1"/>
                </a:solidFill>
                <a:latin typeface="Microsoft YaHei" panose="020B0503020204020204" pitchFamily="34" charset="-122"/>
                <a:ea typeface="Microsoft YaHei" panose="020B0503020204020204" pitchFamily="34" charset="-122"/>
                <a:sym typeface="+mn-ea"/>
              </a:rPr>
              <a:t>PPT</a:t>
            </a:r>
            <a:r>
              <a:rPr lang="zh-CN" altLang="en-US" sz="300" dirty="0">
                <a:solidFill>
                  <a:schemeClr val="bg1"/>
                </a:solidFill>
                <a:latin typeface="Microsoft YaHei" panose="020B0503020204020204" pitchFamily="34" charset="-122"/>
                <a:ea typeface="Microsoft YaHei" panose="020B0503020204020204" pitchFamily="34" charset="-122"/>
                <a:sym typeface="+mn-ea"/>
              </a:rPr>
              <a:t>作品，为了您和包图网以及原创作者的利益，请勿复制、传播、销售，否则将承担法律责任！包图网将对作品进行维权，按照传播下载次数进行十倍的索取赔偿！</a:t>
            </a:r>
            <a:endParaRPr lang="zh-CN" altLang="en-US" sz="300" dirty="0">
              <a:solidFill>
                <a:schemeClr val="bg1"/>
              </a:solidFill>
              <a:latin typeface="Microsoft YaHei" panose="020B0503020204020204" pitchFamily="34" charset="-122"/>
              <a:ea typeface="Microsoft YaHei" panose="020B0503020204020204" pitchFamily="34" charset="-122"/>
              <a:sym typeface="+mn-ea"/>
            </a:endParaRPr>
          </a:p>
          <a:p>
            <a:r>
              <a:rPr lang="en-US" altLang="zh-CN" sz="700" dirty="0">
                <a:solidFill>
                  <a:schemeClr val="bg1"/>
                </a:solidFill>
                <a:latin typeface="Microsoft YaHei" panose="020B0503020204020204" pitchFamily="34" charset="-122"/>
                <a:ea typeface="Microsoft YaHei" panose="020B0503020204020204" pitchFamily="34" charset="-122"/>
                <a:sym typeface="+mn-ea"/>
              </a:rPr>
              <a:t>ibaotu.com</a:t>
            </a:r>
            <a:endParaRPr lang="en-US" altLang="zh-CN" sz="700" dirty="0">
              <a:solidFill>
                <a:schemeClr val="bg1"/>
              </a:solidFill>
              <a:latin typeface="Microsoft YaHei" panose="020B0503020204020204" pitchFamily="34" charset="-122"/>
              <a:ea typeface="Microsoft YaHei" panose="020B0503020204020204" pitchFamily="34" charset="-122"/>
              <a:sym typeface="+mn-ea"/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</p:sldLayoutIdLst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xStyles>
    <p:titleStyle>
      <a:lvl1pPr algn="l" defTabSz="913765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3765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165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2365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598930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4pPr>
      <a:lvl5pPr marL="2056130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5pPr>
      <a:lvl6pPr marL="2512695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6pPr>
      <a:lvl7pPr marL="2969895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7pPr>
      <a:lvl8pPr marL="3426460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8pPr>
      <a:lvl9pPr marL="3883025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1pPr>
      <a:lvl2pPr marL="456565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2pPr>
      <a:lvl3pPr marL="913765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3pPr>
      <a:lvl4pPr marL="1370330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4pPr>
      <a:lvl5pPr marL="1827530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5pPr>
      <a:lvl6pPr marL="2284095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6pPr>
      <a:lvl7pPr marL="2741295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7pPr>
      <a:lvl8pPr marL="3197860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8pPr>
      <a:lvl9pPr marL="3655060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34"/>
            <a:ext cx="10515600" cy="1325563"/>
          </a:xfrm>
          <a:prstGeom prst="rect">
            <a:avLst/>
          </a:prstGeom>
        </p:spPr>
        <p:txBody>
          <a:bodyPr vert="horz" lIns="91375" tIns="45690" rIns="91375" bIns="4569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SG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9"/>
          </a:xfrm>
          <a:prstGeom prst="rect">
            <a:avLst/>
          </a:prstGeom>
        </p:spPr>
        <p:txBody>
          <a:bodyPr vert="horz" lIns="91375" tIns="45690" rIns="91375" bIns="45690" rtlCol="0">
            <a:normAutofit/>
          </a:bodyPr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SG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60"/>
            <a:ext cx="2743200" cy="365125"/>
          </a:xfrm>
          <a:prstGeom prst="rect">
            <a:avLst/>
          </a:prstGeom>
        </p:spPr>
        <p:txBody>
          <a:bodyPr vert="horz" lIns="91375" tIns="45690" rIns="91375" bIns="4569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defTabSz="913765"/>
            <a:fld id="{98451BA9-A3D1-4424-BBE6-42DFB20BDFB6}" type="datetimeFigureOut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60"/>
            <a:ext cx="4114800" cy="365125"/>
          </a:xfrm>
          <a:prstGeom prst="rect">
            <a:avLst/>
          </a:prstGeom>
        </p:spPr>
        <p:txBody>
          <a:bodyPr vert="horz" lIns="91375" tIns="45690" rIns="91375" bIns="4569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defTabSz="913765"/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60"/>
            <a:ext cx="2743200" cy="365125"/>
          </a:xfrm>
          <a:prstGeom prst="rect">
            <a:avLst/>
          </a:prstGeom>
        </p:spPr>
        <p:txBody>
          <a:bodyPr vert="horz" lIns="91375" tIns="45690" rIns="91375" bIns="4569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defTabSz="913765"/>
            <a:fld id="{11309C27-3BCF-4F21-825F-94A07A7040C0}" type="slidenum">
              <a:rPr lang="en-SG" smtClean="0">
                <a:solidFill>
                  <a:prstClr val="black">
                    <a:tint val="75000"/>
                  </a:prstClr>
                </a:solidFill>
              </a:rPr>
            </a:fld>
            <a:endParaRPr lang="en-SG">
              <a:solidFill>
                <a:prstClr val="black">
                  <a:tint val="75000"/>
                </a:prstClr>
              </a:solidFill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55" r:id="rId1"/>
    <p:sldLayoutId id="2147483656" r:id="rId2"/>
    <p:sldLayoutId id="2147483657" r:id="rId3"/>
    <p:sldLayoutId id="2147483658" r:id="rId4"/>
    <p:sldLayoutId id="2147483659" r:id="rId5"/>
    <p:sldLayoutId id="2147483660" r:id="rId6"/>
    <p:sldLayoutId id="2147483661" r:id="rId7"/>
    <p:sldLayoutId id="2147483662" r:id="rId8"/>
    <p:sldLayoutId id="2147483663" r:id="rId9"/>
    <p:sldLayoutId id="2147483664" r:id="rId10"/>
    <p:sldLayoutId id="2147483665" r:id="rId11"/>
    <p:sldLayoutId id="2147483666" r:id="rId12"/>
    <p:sldLayoutId id="2147483667" r:id="rId13"/>
  </p:sldLayoutIdLst>
  <p:txStyles>
    <p:titleStyle>
      <a:lvl1pPr algn="l" defTabSz="913765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3765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165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2365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598930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4pPr>
      <a:lvl5pPr marL="2056130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5pPr>
      <a:lvl6pPr marL="2512695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6pPr>
      <a:lvl7pPr marL="2969895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7pPr>
      <a:lvl8pPr marL="3426460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8pPr>
      <a:lvl9pPr marL="3883660" indent="-228600" algn="l" defTabSz="91376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9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1pPr>
      <a:lvl2pPr marL="456565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2pPr>
      <a:lvl3pPr marL="913765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3pPr>
      <a:lvl4pPr marL="1370330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4pPr>
      <a:lvl5pPr marL="1827530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5pPr>
      <a:lvl6pPr marL="2284095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6pPr>
      <a:lvl7pPr marL="2741295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7pPr>
      <a:lvl8pPr marL="3197860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8pPr>
      <a:lvl9pPr marL="3655060" algn="l" defTabSz="913765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2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0" y="5105400"/>
            <a:ext cx="12192000" cy="1752600"/>
          </a:xfrm>
          <a:prstGeom prst="rect">
            <a:avLst/>
          </a:prstGeom>
          <a:gradFill>
            <a:gsLst>
              <a:gs pos="0">
                <a:schemeClr val="bg1">
                  <a:alpha val="91000"/>
                </a:schemeClr>
              </a:gs>
              <a:gs pos="37000">
                <a:schemeClr val="bg1">
                  <a:alpha val="76000"/>
                </a:schemeClr>
              </a:gs>
              <a:gs pos="100000">
                <a:schemeClr val="bg2">
                  <a:alpha val="79000"/>
                </a:schemeClr>
              </a:gs>
            </a:gsLst>
            <a:path path="circle">
              <a:fillToRect l="50000" t="50000" r="50000" b="50000"/>
            </a:path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8" name="Rectangle 7"/>
          <p:cNvSpPr/>
          <p:nvPr/>
        </p:nvSpPr>
        <p:spPr>
          <a:xfrm>
            <a:off x="0" y="0"/>
            <a:ext cx="12192000" cy="510540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89000"/>
                </a:schemeClr>
              </a:gs>
              <a:gs pos="48000">
                <a:schemeClr val="bg1">
                  <a:alpha val="62000"/>
                </a:schemeClr>
              </a:gs>
              <a:gs pos="100000">
                <a:schemeClr val="bg2">
                  <a:alpha val="7900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9" name="Rectangle 8"/>
          <p:cNvSpPr/>
          <p:nvPr/>
        </p:nvSpPr>
        <p:spPr>
          <a:xfrm>
            <a:off x="0" y="3768304"/>
            <a:ext cx="12192000" cy="228600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0"/>
                </a:schemeClr>
              </a:gs>
              <a:gs pos="29000">
                <a:schemeClr val="bg1">
                  <a:alpha val="30000"/>
                </a:schemeClr>
              </a:gs>
              <a:gs pos="45000">
                <a:schemeClr val="bg2">
                  <a:alpha val="40000"/>
                </a:schemeClr>
              </a:gs>
              <a:gs pos="55000">
                <a:schemeClr val="bg1">
                  <a:alpha val="26000"/>
                </a:schemeClr>
              </a:gs>
              <a:gs pos="65000">
                <a:schemeClr val="bg2">
                  <a:alpha val="60000"/>
                </a:schemeClr>
              </a:gs>
              <a:gs pos="100000">
                <a:schemeClr val="bg1">
                  <a:alpha val="0"/>
                </a:schemeClr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10" name="Oval 9"/>
          <p:cNvSpPr/>
          <p:nvPr/>
        </p:nvSpPr>
        <p:spPr>
          <a:xfrm>
            <a:off x="0" y="1600200"/>
            <a:ext cx="12192000" cy="5105400"/>
          </a:xfrm>
          <a:prstGeom prst="ellipse">
            <a:avLst/>
          </a:prstGeom>
          <a:gradFill flip="none" rotWithShape="1">
            <a:gsLst>
              <a:gs pos="0">
                <a:schemeClr val="bg1"/>
              </a:gs>
              <a:gs pos="56000">
                <a:schemeClr val="bg1">
                  <a:alpha val="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391054" y="4372168"/>
            <a:ext cx="8683348" cy="1143000"/>
          </a:xfrm>
          <a:prstGeom prst="rect">
            <a:avLst/>
          </a:prstGeom>
          <a:effectLst/>
        </p:spPr>
        <p:txBody>
          <a:bodyPr vert="horz" lIns="91438" tIns="45719" rIns="91438" bIns="45719" rtlCol="0" anchor="t" anchorCtr="0">
            <a:no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524000" y="732260"/>
            <a:ext cx="8534400" cy="3474720"/>
          </a:xfrm>
          <a:prstGeom prst="rect">
            <a:avLst/>
          </a:prstGeom>
        </p:spPr>
        <p:txBody>
          <a:bodyPr vert="horz" lIns="91438" tIns="45719" rIns="91438" bIns="45719" rtlCol="0">
            <a:normAutofit/>
          </a:bodyPr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229600" y="6172204"/>
            <a:ext cx="3352800" cy="365125"/>
          </a:xfrm>
          <a:prstGeom prst="rect">
            <a:avLst/>
          </a:prstGeom>
        </p:spPr>
        <p:txBody>
          <a:bodyPr vert="horz" lIns="91438" tIns="45719" rIns="91438" bIns="45719" rtlCol="0" anchor="ctr"/>
          <a:lstStyle>
            <a:lvl1pPr algn="r">
              <a:defRPr sz="1100" b="1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</a:lstStyle>
          <a:p>
            <a:pPr defTabSz="914400"/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09602" y="6172204"/>
            <a:ext cx="4470401" cy="365125"/>
          </a:xfrm>
          <a:prstGeom prst="rect">
            <a:avLst/>
          </a:prstGeom>
        </p:spPr>
        <p:txBody>
          <a:bodyPr vert="horz" lIns="91438" tIns="45719" rIns="91438" bIns="45719" rtlCol="0" anchor="ctr"/>
          <a:lstStyle>
            <a:lvl1pPr algn="l">
              <a:defRPr sz="1100" b="1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</a:lstStyle>
          <a:p>
            <a:pPr defTabSz="914400"/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5080000" y="6172204"/>
            <a:ext cx="2438400" cy="365125"/>
          </a:xfrm>
          <a:prstGeom prst="rect">
            <a:avLst/>
          </a:prstGeom>
        </p:spPr>
        <p:txBody>
          <a:bodyPr vert="horz" lIns="91438" tIns="45719" rIns="91438" bIns="45719" rtlCol="0" anchor="ctr"/>
          <a:lstStyle>
            <a:lvl1pPr algn="ctr">
              <a:defRPr sz="1200" b="1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</a:lstStyle>
          <a:p>
            <a:pPr defTabSz="914400"/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9" r:id="rId1"/>
    <p:sldLayoutId id="2147483670" r:id="rId2"/>
    <p:sldLayoutId id="2147483671" r:id="rId3"/>
    <p:sldLayoutId id="2147483672" r:id="rId4"/>
    <p:sldLayoutId id="2147483673" r:id="rId5"/>
    <p:sldLayoutId id="2147483674" r:id="rId6"/>
    <p:sldLayoutId id="2147483675" r:id="rId7"/>
    <p:sldLayoutId id="2147483676" r:id="rId8"/>
    <p:sldLayoutId id="2147483677" r:id="rId9"/>
    <p:sldLayoutId id="2147483678" r:id="rId10"/>
    <p:sldLayoutId id="2147483679" r:id="rId11"/>
  </p:sldLayoutIdLst>
  <p:txStyles>
    <p:titleStyle>
      <a:lvl1pPr marL="320040" indent="-320040" algn="r" defTabSz="914400" rtl="0" eaLnBrk="1" latinLnBrk="0" hangingPunct="1">
        <a:spcBef>
          <a:spcPct val="0"/>
        </a:spcBef>
        <a:buClr>
          <a:schemeClr val="accent6">
            <a:lumMod val="75000"/>
          </a:schemeClr>
        </a:buClr>
        <a:buSzPct val="128000"/>
        <a:buFont typeface="Georgia" panose="02040502050405020303" pitchFamily="18" charset="0"/>
        <a:buChar char="*"/>
        <a:defRPr sz="4700" b="1" i="0" u="none" kern="1200">
          <a:gradFill>
            <a:gsLst>
              <a:gs pos="0">
                <a:schemeClr val="tx1"/>
              </a:gs>
              <a:gs pos="40000">
                <a:schemeClr val="tx1">
                  <a:lumMod val="75000"/>
                  <a:lumOff val="25000"/>
                </a:schemeClr>
              </a:gs>
              <a:gs pos="100000">
                <a:schemeClr val="tx2">
                  <a:alpha val="65000"/>
                </a:schemeClr>
              </a:gs>
            </a:gsLst>
            <a:lin ang="5400000" scaled="0"/>
          </a:gradFill>
          <a:effectLst>
            <a:reflection blurRad="6350" stA="55000" endA="300" endPos="45500" dir="5400000" sy="-100000" algn="bl" rotWithShape="0"/>
          </a:effectLst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22860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23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54864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20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82296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9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109728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6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1390015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5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1664335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5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6pPr>
      <a:lvl7pPr marL="196596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5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7pPr>
      <a:lvl8pPr marL="228600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5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8pPr>
      <a:lvl9pPr marL="2587625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5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2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0" y="5105400"/>
            <a:ext cx="12192000" cy="1752600"/>
          </a:xfrm>
          <a:prstGeom prst="rect">
            <a:avLst/>
          </a:prstGeom>
          <a:gradFill>
            <a:gsLst>
              <a:gs pos="0">
                <a:schemeClr val="bg1">
                  <a:alpha val="91000"/>
                </a:schemeClr>
              </a:gs>
              <a:gs pos="37000">
                <a:schemeClr val="bg1">
                  <a:alpha val="76000"/>
                </a:schemeClr>
              </a:gs>
              <a:gs pos="100000">
                <a:schemeClr val="bg2">
                  <a:alpha val="79000"/>
                </a:schemeClr>
              </a:gs>
            </a:gsLst>
            <a:path path="circle">
              <a:fillToRect l="50000" t="50000" r="50000" b="50000"/>
            </a:path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8" name="Rectangle 7"/>
          <p:cNvSpPr/>
          <p:nvPr/>
        </p:nvSpPr>
        <p:spPr>
          <a:xfrm>
            <a:off x="0" y="0"/>
            <a:ext cx="12192000" cy="510540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89000"/>
                </a:schemeClr>
              </a:gs>
              <a:gs pos="48000">
                <a:schemeClr val="bg1">
                  <a:alpha val="62000"/>
                </a:schemeClr>
              </a:gs>
              <a:gs pos="100000">
                <a:schemeClr val="bg2">
                  <a:alpha val="7900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9" name="Rectangle 8"/>
          <p:cNvSpPr/>
          <p:nvPr/>
        </p:nvSpPr>
        <p:spPr>
          <a:xfrm>
            <a:off x="0" y="3768304"/>
            <a:ext cx="12192000" cy="2286000"/>
          </a:xfrm>
          <a:prstGeom prst="rect">
            <a:avLst/>
          </a:prstGeom>
          <a:gradFill flip="none" rotWithShape="1">
            <a:gsLst>
              <a:gs pos="0">
                <a:schemeClr val="bg1">
                  <a:alpha val="0"/>
                </a:schemeClr>
              </a:gs>
              <a:gs pos="29000">
                <a:schemeClr val="bg1">
                  <a:alpha val="30000"/>
                </a:schemeClr>
              </a:gs>
              <a:gs pos="45000">
                <a:schemeClr val="bg2">
                  <a:alpha val="40000"/>
                </a:schemeClr>
              </a:gs>
              <a:gs pos="55000">
                <a:schemeClr val="bg1">
                  <a:alpha val="26000"/>
                </a:schemeClr>
              </a:gs>
              <a:gs pos="65000">
                <a:schemeClr val="bg2">
                  <a:alpha val="60000"/>
                </a:schemeClr>
              </a:gs>
              <a:gs pos="100000">
                <a:schemeClr val="bg1">
                  <a:alpha val="0"/>
                </a:schemeClr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10" name="Oval 9"/>
          <p:cNvSpPr/>
          <p:nvPr/>
        </p:nvSpPr>
        <p:spPr>
          <a:xfrm>
            <a:off x="0" y="1600200"/>
            <a:ext cx="12192000" cy="5105400"/>
          </a:xfrm>
          <a:prstGeom prst="ellipse">
            <a:avLst/>
          </a:prstGeom>
          <a:gradFill flip="none" rotWithShape="1">
            <a:gsLst>
              <a:gs pos="0">
                <a:schemeClr val="bg1"/>
              </a:gs>
              <a:gs pos="56000">
                <a:schemeClr val="bg1">
                  <a:alpha val="0"/>
                </a:scheme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8" tIns="45719" rIns="91438" bIns="45719" rtlCol="0" anchor="ctr"/>
          <a:lstStyle/>
          <a:p>
            <a:pPr algn="ctr" defTabSz="914400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391054" y="4372168"/>
            <a:ext cx="8683348" cy="1143000"/>
          </a:xfrm>
          <a:prstGeom prst="rect">
            <a:avLst/>
          </a:prstGeom>
          <a:effectLst/>
        </p:spPr>
        <p:txBody>
          <a:bodyPr vert="horz" lIns="91438" tIns="45719" rIns="91438" bIns="45719" rtlCol="0" anchor="t" anchorCtr="0">
            <a:no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524000" y="732260"/>
            <a:ext cx="8534400" cy="3474720"/>
          </a:xfrm>
          <a:prstGeom prst="rect">
            <a:avLst/>
          </a:prstGeom>
        </p:spPr>
        <p:txBody>
          <a:bodyPr vert="horz" lIns="91438" tIns="45719" rIns="91438" bIns="45719" rtlCol="0">
            <a:normAutofit/>
          </a:bodyPr>
          <a:lstStyle/>
          <a:p>
            <a:pPr lvl="0"/>
            <a:r>
              <a:rPr lang="en-US"/>
              <a:t>Click to edit Master text styles</a:t>
            </a:r>
            <a:endParaRPr lang="en-US"/>
          </a:p>
          <a:p>
            <a:pPr lvl="1"/>
            <a:r>
              <a:rPr lang="en-US"/>
              <a:t>Second level</a:t>
            </a:r>
            <a:endParaRPr lang="en-US"/>
          </a:p>
          <a:p>
            <a:pPr lvl="2"/>
            <a:r>
              <a:rPr lang="en-US"/>
              <a:t>Third level</a:t>
            </a:r>
            <a:endParaRPr lang="en-US"/>
          </a:p>
          <a:p>
            <a:pPr lvl="3"/>
            <a:r>
              <a:rPr lang="en-US"/>
              <a:t>Fourth level</a:t>
            </a:r>
            <a:endParaRPr lang="en-US"/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229600" y="6172202"/>
            <a:ext cx="3352800" cy="365125"/>
          </a:xfrm>
          <a:prstGeom prst="rect">
            <a:avLst/>
          </a:prstGeom>
        </p:spPr>
        <p:txBody>
          <a:bodyPr vert="horz" lIns="91438" tIns="45719" rIns="91438" bIns="45719" rtlCol="0" anchor="ctr"/>
          <a:lstStyle>
            <a:lvl1pPr algn="r">
              <a:defRPr sz="1100" b="1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</a:lstStyle>
          <a:p>
            <a:pPr defTabSz="914400"/>
            <a:fld id="{60907AC4-BE3A-4890-9807-88B78CE4F980}" type="datetimeFigureOut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09601" y="6172202"/>
            <a:ext cx="4470401" cy="365125"/>
          </a:xfrm>
          <a:prstGeom prst="rect">
            <a:avLst/>
          </a:prstGeom>
        </p:spPr>
        <p:txBody>
          <a:bodyPr vert="horz" lIns="91438" tIns="45719" rIns="91438" bIns="45719" rtlCol="0" anchor="ctr"/>
          <a:lstStyle>
            <a:lvl1pPr algn="l">
              <a:defRPr sz="1100" b="1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</a:lstStyle>
          <a:p>
            <a:pPr defTabSz="914400"/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5080000" y="6172202"/>
            <a:ext cx="2438400" cy="365125"/>
          </a:xfrm>
          <a:prstGeom prst="rect">
            <a:avLst/>
          </a:prstGeom>
        </p:spPr>
        <p:txBody>
          <a:bodyPr vert="horz" lIns="91438" tIns="45719" rIns="91438" bIns="45719" rtlCol="0" anchor="ctr"/>
          <a:lstStyle>
            <a:lvl1pPr algn="ctr">
              <a:defRPr sz="1200" b="1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</a:lstStyle>
          <a:p>
            <a:pPr defTabSz="914400"/>
            <a:fld id="{4487D449-8319-43C3-959B-E65B8182B8DD}" type="slidenum">
              <a:rPr lang="vi-VN" smtClean="0">
                <a:solidFill>
                  <a:prstClr val="black">
                    <a:lumMod val="50000"/>
                    <a:lumOff val="50000"/>
                  </a:prstClr>
                </a:solidFill>
              </a:rPr>
            </a:fld>
            <a:endParaRPr lang="vi-VN">
              <a:solidFill>
                <a:prstClr val="black">
                  <a:lumMod val="50000"/>
                  <a:lumOff val="50000"/>
                </a:prstClr>
              </a:solidFill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1" r:id="rId1"/>
    <p:sldLayoutId id="2147483682" r:id="rId2"/>
    <p:sldLayoutId id="2147483683" r:id="rId3"/>
    <p:sldLayoutId id="2147483684" r:id="rId4"/>
    <p:sldLayoutId id="2147483685" r:id="rId5"/>
    <p:sldLayoutId id="2147483686" r:id="rId6"/>
    <p:sldLayoutId id="2147483687" r:id="rId7"/>
    <p:sldLayoutId id="2147483688" r:id="rId8"/>
    <p:sldLayoutId id="2147483689" r:id="rId9"/>
    <p:sldLayoutId id="2147483690" r:id="rId10"/>
    <p:sldLayoutId id="2147483691" r:id="rId11"/>
  </p:sldLayoutIdLst>
  <p:txStyles>
    <p:titleStyle>
      <a:lvl1pPr marL="320040" indent="-320040" algn="r" defTabSz="914400" rtl="0" eaLnBrk="1" latinLnBrk="0" hangingPunct="1">
        <a:spcBef>
          <a:spcPct val="0"/>
        </a:spcBef>
        <a:buClr>
          <a:schemeClr val="accent6">
            <a:lumMod val="75000"/>
          </a:schemeClr>
        </a:buClr>
        <a:buSzPct val="128000"/>
        <a:buFont typeface="Georgia" panose="02040502050405020303" pitchFamily="18" charset="0"/>
        <a:buChar char="*"/>
        <a:defRPr sz="4700" b="1" i="0" u="none" kern="1200">
          <a:gradFill>
            <a:gsLst>
              <a:gs pos="0">
                <a:schemeClr val="tx1"/>
              </a:gs>
              <a:gs pos="40000">
                <a:schemeClr val="tx1">
                  <a:lumMod val="75000"/>
                  <a:lumOff val="25000"/>
                </a:schemeClr>
              </a:gs>
              <a:gs pos="100000">
                <a:schemeClr val="tx2">
                  <a:alpha val="65000"/>
                </a:schemeClr>
              </a:gs>
            </a:gsLst>
            <a:lin ang="5400000" scaled="0"/>
          </a:gradFill>
          <a:effectLst>
            <a:reflection blurRad="6350" stA="55000" endA="300" endPos="45500" dir="5400000" sy="-100000" algn="bl" rotWithShape="0"/>
          </a:effectLst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22860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23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54864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20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82296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9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109728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6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1390015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5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1664335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5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6pPr>
      <a:lvl7pPr marL="196596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5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7pPr>
      <a:lvl8pPr marL="2286000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5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8pPr>
      <a:lvl9pPr marL="2587625" indent="-182880" algn="l" defTabSz="914400" rtl="0" eaLnBrk="1" latinLnBrk="0" hangingPunct="1">
        <a:spcBef>
          <a:spcPct val="20000"/>
        </a:spcBef>
        <a:spcAft>
          <a:spcPts val="300"/>
        </a:spcAft>
        <a:buClr>
          <a:schemeClr val="accent6">
            <a:lumMod val="75000"/>
          </a:schemeClr>
        </a:buClr>
        <a:buSzPct val="130000"/>
        <a:buFont typeface="Georgia" panose="02040502050405020303" pitchFamily="18" charset="0"/>
        <a:buChar char="*"/>
        <a:defRPr sz="15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9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4" Type="http://schemas.openxmlformats.org/officeDocument/2006/relationships/slideLayout" Target="../slideLayouts/slideLayout30.xml"/><Relationship Id="rId3" Type="http://schemas.openxmlformats.org/officeDocument/2006/relationships/image" Target="../media/image4.GIF"/><Relationship Id="rId2" Type="http://schemas.openxmlformats.org/officeDocument/2006/relationships/image" Target="../media/image3.GIF"/><Relationship Id="rId1" Type="http://schemas.openxmlformats.org/officeDocument/2006/relationships/image" Target="../media/image2.GIF"/></Relationships>
</file>

<file path=ppt/slides/_rels/slide10.xml.rels><?xml version="1.0" encoding="UTF-8" standalone="yes"?>
<Relationships xmlns="http://schemas.openxmlformats.org/package/2006/relationships"><Relationship Id="rId5" Type="http://schemas.openxmlformats.org/officeDocument/2006/relationships/slideLayout" Target="../slideLayouts/slideLayout4.xml"/><Relationship Id="rId4" Type="http://schemas.openxmlformats.org/officeDocument/2006/relationships/image" Target="../media/image16.png"/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image" Target="../media/image10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7.xml"/><Relationship Id="rId1" Type="http://schemas.openxmlformats.org/officeDocument/2006/relationships/image" Target="../media/image2.GIF"/></Relationships>
</file>

<file path=ppt/slides/_rels/slide12.xml.rels><?xml version="1.0" encoding="UTF-8" standalone="yes"?>
<Relationships xmlns="http://schemas.openxmlformats.org/package/2006/relationships"><Relationship Id="rId7" Type="http://schemas.openxmlformats.org/officeDocument/2006/relationships/slideLayout" Target="../slideLayouts/slideLayout7.xml"/><Relationship Id="rId6" Type="http://schemas.openxmlformats.org/officeDocument/2006/relationships/hyperlink" Target="https://bangtuanhoanlequydon.netlify.app/" TargetMode="External"/><Relationship Id="rId5" Type="http://schemas.openxmlformats.org/officeDocument/2006/relationships/image" Target="../media/image19.GIF"/><Relationship Id="rId4" Type="http://schemas.openxmlformats.org/officeDocument/2006/relationships/image" Target="../media/image11.png"/><Relationship Id="rId3" Type="http://schemas.openxmlformats.org/officeDocument/2006/relationships/image" Target="../media/image18.png"/><Relationship Id="rId2" Type="http://schemas.openxmlformats.org/officeDocument/2006/relationships/slide" Target="slide21.xml"/><Relationship Id="rId1" Type="http://schemas.openxmlformats.org/officeDocument/2006/relationships/image" Target="../media/image17.jpeg"/></Relationships>
</file>

<file path=ppt/slides/_rels/slide13.xml.rels><?xml version="1.0" encoding="UTF-8" standalone="yes"?>
<Relationships xmlns="http://schemas.openxmlformats.org/package/2006/relationships"><Relationship Id="rId4" Type="http://schemas.openxmlformats.org/officeDocument/2006/relationships/notesSlide" Target="../notesSlides/notesSlide8.xml"/><Relationship Id="rId3" Type="http://schemas.openxmlformats.org/officeDocument/2006/relationships/slideLayout" Target="../slideLayouts/slideLayout18.xml"/><Relationship Id="rId2" Type="http://schemas.openxmlformats.org/officeDocument/2006/relationships/image" Target="../media/image21.png"/><Relationship Id="rId1" Type="http://schemas.openxmlformats.org/officeDocument/2006/relationships/image" Target="../media/image20.jpeg"/></Relationships>
</file>

<file path=ppt/slides/_rels/slide14.xml.rels><?xml version="1.0" encoding="UTF-8" standalone="yes"?>
<Relationships xmlns="http://schemas.openxmlformats.org/package/2006/relationships"><Relationship Id="rId4" Type="http://schemas.openxmlformats.org/officeDocument/2006/relationships/notesSlide" Target="../notesSlides/notesSlide9.xml"/><Relationship Id="rId3" Type="http://schemas.openxmlformats.org/officeDocument/2006/relationships/slideLayout" Target="../slideLayouts/slideLayout18.xml"/><Relationship Id="rId2" Type="http://schemas.openxmlformats.org/officeDocument/2006/relationships/image" Target="../media/image22.png"/><Relationship Id="rId1" Type="http://schemas.openxmlformats.org/officeDocument/2006/relationships/image" Target="../media/image20.jpeg"/></Relationships>
</file>

<file path=ppt/slides/_rels/slide15.xml.rels><?xml version="1.0" encoding="UTF-8" standalone="yes"?>
<Relationships xmlns="http://schemas.openxmlformats.org/package/2006/relationships"><Relationship Id="rId4" Type="http://schemas.openxmlformats.org/officeDocument/2006/relationships/notesSlide" Target="../notesSlides/notesSlide10.xml"/><Relationship Id="rId3" Type="http://schemas.openxmlformats.org/officeDocument/2006/relationships/slideLayout" Target="../slideLayouts/slideLayout18.xml"/><Relationship Id="rId2" Type="http://schemas.openxmlformats.org/officeDocument/2006/relationships/image" Target="../media/image23.png"/><Relationship Id="rId1" Type="http://schemas.openxmlformats.org/officeDocument/2006/relationships/image" Target="../media/image20.jpeg"/></Relationships>
</file>

<file path=ppt/slides/_rels/slide16.xml.rels><?xml version="1.0" encoding="UTF-8" standalone="yes"?>
<Relationships xmlns="http://schemas.openxmlformats.org/package/2006/relationships"><Relationship Id="rId4" Type="http://schemas.openxmlformats.org/officeDocument/2006/relationships/notesSlide" Target="../notesSlides/notesSlide11.xml"/><Relationship Id="rId3" Type="http://schemas.openxmlformats.org/officeDocument/2006/relationships/slideLayout" Target="../slideLayouts/slideLayout18.xml"/><Relationship Id="rId2" Type="http://schemas.openxmlformats.org/officeDocument/2006/relationships/image" Target="../media/image24.png"/><Relationship Id="rId1" Type="http://schemas.openxmlformats.org/officeDocument/2006/relationships/image" Target="../media/image20.jpeg"/></Relationships>
</file>

<file path=ppt/slides/_rels/slide17.xml.rels><?xml version="1.0" encoding="UTF-8" standalone="yes"?>
<Relationships xmlns="http://schemas.openxmlformats.org/package/2006/relationships"><Relationship Id="rId4" Type="http://schemas.openxmlformats.org/officeDocument/2006/relationships/notesSlide" Target="../notesSlides/notesSlide12.xml"/><Relationship Id="rId3" Type="http://schemas.openxmlformats.org/officeDocument/2006/relationships/slideLayout" Target="../slideLayouts/slideLayout18.xml"/><Relationship Id="rId2" Type="http://schemas.openxmlformats.org/officeDocument/2006/relationships/image" Target="../media/image25.png"/><Relationship Id="rId1" Type="http://schemas.openxmlformats.org/officeDocument/2006/relationships/image" Target="../media/image20.jpeg"/></Relationships>
</file>

<file path=ppt/slides/_rels/slide18.xml.rels><?xml version="1.0" encoding="UTF-8" standalone="yes"?>
<Relationships xmlns="http://schemas.openxmlformats.org/package/2006/relationships"><Relationship Id="rId4" Type="http://schemas.openxmlformats.org/officeDocument/2006/relationships/notesSlide" Target="../notesSlides/notesSlide13.xml"/><Relationship Id="rId3" Type="http://schemas.openxmlformats.org/officeDocument/2006/relationships/slideLayout" Target="../slideLayouts/slideLayout18.xml"/><Relationship Id="rId2" Type="http://schemas.openxmlformats.org/officeDocument/2006/relationships/image" Target="../media/image26.png"/><Relationship Id="rId1" Type="http://schemas.openxmlformats.org/officeDocument/2006/relationships/image" Target="../media/image20.jpeg"/></Relationships>
</file>

<file path=ppt/slides/_rels/slide19.xml.rels><?xml version="1.0" encoding="UTF-8" standalone="yes"?>
<Relationships xmlns="http://schemas.openxmlformats.org/package/2006/relationships"><Relationship Id="rId4" Type="http://schemas.openxmlformats.org/officeDocument/2006/relationships/notesSlide" Target="../notesSlides/notesSlide14.xml"/><Relationship Id="rId3" Type="http://schemas.openxmlformats.org/officeDocument/2006/relationships/slideLayout" Target="../slideLayouts/slideLayout18.xml"/><Relationship Id="rId2" Type="http://schemas.openxmlformats.org/officeDocument/2006/relationships/image" Target="../media/image27.png"/><Relationship Id="rId1" Type="http://schemas.openxmlformats.org/officeDocument/2006/relationships/image" Target="../media/image20.jpe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3.xml"/><Relationship Id="rId1" Type="http://schemas.openxmlformats.org/officeDocument/2006/relationships/image" Target="../media/image5.png"/></Relationships>
</file>

<file path=ppt/slides/_rels/slide20.xml.rels><?xml version="1.0" encoding="UTF-8" standalone="yes"?>
<Relationships xmlns="http://schemas.openxmlformats.org/package/2006/relationships"><Relationship Id="rId4" Type="http://schemas.openxmlformats.org/officeDocument/2006/relationships/notesSlide" Target="../notesSlides/notesSlide15.xml"/><Relationship Id="rId3" Type="http://schemas.openxmlformats.org/officeDocument/2006/relationships/slideLayout" Target="../slideLayouts/slideLayout18.xml"/><Relationship Id="rId2" Type="http://schemas.openxmlformats.org/officeDocument/2006/relationships/image" Target="../media/image28.png"/><Relationship Id="rId1" Type="http://schemas.openxmlformats.org/officeDocument/2006/relationships/image" Target="../media/image20.jpe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.xml"/><Relationship Id="rId1" Type="http://schemas.openxmlformats.org/officeDocument/2006/relationships/image" Target="../media/image19.GIF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4.xml"/><Relationship Id="rId1" Type="http://schemas.openxmlformats.org/officeDocument/2006/relationships/image" Target="../media/image29.jpeg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4.xml"/><Relationship Id="rId1" Type="http://schemas.openxmlformats.org/officeDocument/2006/relationships/image" Target="../media/image30.png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4.xml"/><Relationship Id="rId1" Type="http://schemas.openxmlformats.org/officeDocument/2006/relationships/image" Target="../media/image31.png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4.xml"/><Relationship Id="rId1" Type="http://schemas.openxmlformats.org/officeDocument/2006/relationships/image" Target="../media/image32.png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4.xml"/><Relationship Id="rId1" Type="http://schemas.openxmlformats.org/officeDocument/2006/relationships/image" Target="../media/image33.png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4.xml"/><Relationship Id="rId1" Type="http://schemas.openxmlformats.org/officeDocument/2006/relationships/image" Target="../media/image34.png"/></Relationships>
</file>

<file path=ppt/slides/_rels/slide28.xml.rels><?xml version="1.0" encoding="UTF-8" standalone="yes"?>
<Relationships xmlns="http://schemas.openxmlformats.org/package/2006/relationships"><Relationship Id="rId7" Type="http://schemas.openxmlformats.org/officeDocument/2006/relationships/notesSlide" Target="../notesSlides/notesSlide17.xml"/><Relationship Id="rId6" Type="http://schemas.openxmlformats.org/officeDocument/2006/relationships/slideLayout" Target="../slideLayouts/slideLayout1.xml"/><Relationship Id="rId5" Type="http://schemas.openxmlformats.org/officeDocument/2006/relationships/image" Target="../media/image39.png"/><Relationship Id="rId4" Type="http://schemas.openxmlformats.org/officeDocument/2006/relationships/image" Target="../media/image38.png"/><Relationship Id="rId3" Type="http://schemas.openxmlformats.org/officeDocument/2006/relationships/image" Target="../media/image37.png"/><Relationship Id="rId2" Type="http://schemas.openxmlformats.org/officeDocument/2006/relationships/image" Target="../media/image36.png"/><Relationship Id="rId1" Type="http://schemas.openxmlformats.org/officeDocument/2006/relationships/image" Target="../media/image35.GIF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4.xml"/><Relationship Id="rId1" Type="http://schemas.openxmlformats.org/officeDocument/2006/relationships/image" Target="../media/image40.png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4.xml"/><Relationship Id="rId1" Type="http://schemas.openxmlformats.org/officeDocument/2006/relationships/image" Target="../media/image6.png"/></Relationships>
</file>

<file path=ppt/slides/_rels/slide30.xml.rels><?xml version="1.0" encoding="UTF-8" standalone="yes"?>
<Relationships xmlns="http://schemas.openxmlformats.org/package/2006/relationships"><Relationship Id="rId4" Type="http://schemas.openxmlformats.org/officeDocument/2006/relationships/vmlDrawing" Target="../drawings/vmlDrawing1.vml"/><Relationship Id="rId3" Type="http://schemas.openxmlformats.org/officeDocument/2006/relationships/slideLayout" Target="../slideLayouts/slideLayout18.xml"/><Relationship Id="rId2" Type="http://schemas.openxmlformats.org/officeDocument/2006/relationships/image" Target="../media/image41.emf"/><Relationship Id="rId1" Type="http://schemas.openxmlformats.org/officeDocument/2006/relationships/oleObject" Target="../embeddings/oleObject1.bin"/></Relationships>
</file>

<file path=ppt/slides/_rels/slide31.xml.rels><?xml version="1.0" encoding="UTF-8" standalone="yes"?>
<Relationships xmlns="http://schemas.openxmlformats.org/package/2006/relationships"><Relationship Id="rId9" Type="http://schemas.openxmlformats.org/officeDocument/2006/relationships/image" Target="../media/image48.png"/><Relationship Id="rId8" Type="http://schemas.openxmlformats.org/officeDocument/2006/relationships/image" Target="../media/image47.png"/><Relationship Id="rId7" Type="http://schemas.openxmlformats.org/officeDocument/2006/relationships/image" Target="../media/image46.png"/><Relationship Id="rId6" Type="http://schemas.openxmlformats.org/officeDocument/2006/relationships/image" Target="../media/image36.png"/><Relationship Id="rId5" Type="http://schemas.openxmlformats.org/officeDocument/2006/relationships/image" Target="../media/image38.png"/><Relationship Id="rId4" Type="http://schemas.openxmlformats.org/officeDocument/2006/relationships/image" Target="../media/image45.png"/><Relationship Id="rId3" Type="http://schemas.openxmlformats.org/officeDocument/2006/relationships/image" Target="../media/image44.png"/><Relationship Id="rId20" Type="http://schemas.openxmlformats.org/officeDocument/2006/relationships/notesSlide" Target="../notesSlides/notesSlide18.xml"/><Relationship Id="rId2" Type="http://schemas.openxmlformats.org/officeDocument/2006/relationships/image" Target="../media/image43.png"/><Relationship Id="rId19" Type="http://schemas.openxmlformats.org/officeDocument/2006/relationships/slideLayout" Target="../slideLayouts/slideLayout5.xml"/><Relationship Id="rId18" Type="http://schemas.openxmlformats.org/officeDocument/2006/relationships/hyperlink" Target="https://images.search.yahoo.com/search/images;" TargetMode="External"/><Relationship Id="rId17" Type="http://schemas.openxmlformats.org/officeDocument/2006/relationships/hyperlink" Target="https://itviec.com/blog/tu-hoc-lap-trinh-android-cho-nguoi-moi-bat-dau/" TargetMode="External"/><Relationship Id="rId16" Type="http://schemas.openxmlformats.org/officeDocument/2006/relationships/hyperlink" Target="https://docs.bitlearn.vn/tien-ich/huong-dan-cai-dat-ispring-phan-mem-soan-bai-e-learning" TargetMode="External"/><Relationship Id="rId15" Type="http://schemas.openxmlformats.org/officeDocument/2006/relationships/hyperlink" Target="https://wikimaytinh.com/cach-su-dung-notepad-plus-plus.html:" TargetMode="External"/><Relationship Id="rId14" Type="http://schemas.openxmlformats.org/officeDocument/2006/relationships/image" Target="../media/image51.png"/><Relationship Id="rId13" Type="http://schemas.openxmlformats.org/officeDocument/2006/relationships/image" Target="../media/image37.png"/><Relationship Id="rId12" Type="http://schemas.openxmlformats.org/officeDocument/2006/relationships/image" Target="../media/image50.png"/><Relationship Id="rId11" Type="http://schemas.openxmlformats.org/officeDocument/2006/relationships/image" Target="../media/image39.png"/><Relationship Id="rId10" Type="http://schemas.openxmlformats.org/officeDocument/2006/relationships/image" Target="../media/image49.png"/><Relationship Id="rId1" Type="http://schemas.openxmlformats.org/officeDocument/2006/relationships/image" Target="../media/image42.png"/></Relationships>
</file>

<file path=ppt/slides/_rels/slide32.xml.rels><?xml version="1.0" encoding="UTF-8" standalone="yes"?>
<Relationships xmlns="http://schemas.openxmlformats.org/package/2006/relationships"><Relationship Id="rId9" Type="http://schemas.openxmlformats.org/officeDocument/2006/relationships/image" Target="../media/image55.png"/><Relationship Id="rId8" Type="http://schemas.openxmlformats.org/officeDocument/2006/relationships/image" Target="../media/image54.png"/><Relationship Id="rId7" Type="http://schemas.openxmlformats.org/officeDocument/2006/relationships/image" Target="../media/image46.png"/><Relationship Id="rId6" Type="http://schemas.openxmlformats.org/officeDocument/2006/relationships/image" Target="../media/image44.png"/><Relationship Id="rId5" Type="http://schemas.openxmlformats.org/officeDocument/2006/relationships/image" Target="../media/image53.png"/><Relationship Id="rId4" Type="http://schemas.openxmlformats.org/officeDocument/2006/relationships/image" Target="../media/image52.png"/><Relationship Id="rId3" Type="http://schemas.openxmlformats.org/officeDocument/2006/relationships/image" Target="../media/image4.GIF"/><Relationship Id="rId2" Type="http://schemas.openxmlformats.org/officeDocument/2006/relationships/image" Target="../media/image3.GIF"/><Relationship Id="rId10" Type="http://schemas.openxmlformats.org/officeDocument/2006/relationships/slideLayout" Target="../slideLayouts/slideLayout19.xml"/><Relationship Id="rId1" Type="http://schemas.openxmlformats.org/officeDocument/2006/relationships/image" Target="../media/image2.GIF"/></Relationships>
</file>

<file path=ppt/slides/_rels/slide4.xml.rels><?xml version="1.0" encoding="UTF-8" standalone="yes"?>
<Relationships xmlns="http://schemas.openxmlformats.org/package/2006/relationships"><Relationship Id="rId4" Type="http://schemas.openxmlformats.org/officeDocument/2006/relationships/notesSlide" Target="../notesSlides/notesSlide2.xml"/><Relationship Id="rId3" Type="http://schemas.openxmlformats.org/officeDocument/2006/relationships/slideLayout" Target="../slideLayouts/slideLayout3.xml"/><Relationship Id="rId2" Type="http://schemas.openxmlformats.org/officeDocument/2006/relationships/image" Target="../media/image8.png"/><Relationship Id="rId1" Type="http://schemas.openxmlformats.org/officeDocument/2006/relationships/image" Target="../media/image7.png"/></Relationships>
</file>

<file path=ppt/slides/_rels/slide5.xml.rels><?xml version="1.0" encoding="UTF-8" standalone="yes"?>
<Relationships xmlns="http://schemas.openxmlformats.org/package/2006/relationships"><Relationship Id="rId4" Type="http://schemas.openxmlformats.org/officeDocument/2006/relationships/notesSlide" Target="../notesSlides/notesSlide3.xml"/><Relationship Id="rId3" Type="http://schemas.openxmlformats.org/officeDocument/2006/relationships/slideLayout" Target="../slideLayouts/slideLayout3.xml"/><Relationship Id="rId2" Type="http://schemas.openxmlformats.org/officeDocument/2006/relationships/image" Target="../media/image8.png"/><Relationship Id="rId1" Type="http://schemas.openxmlformats.org/officeDocument/2006/relationships/image" Target="../media/image7.png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4.xml"/><Relationship Id="rId1" Type="http://schemas.openxmlformats.org/officeDocument/2006/relationships/image" Target="../media/image6.png"/></Relationships>
</file>

<file path=ppt/slides/_rels/slide7.xml.rels><?xml version="1.0" encoding="UTF-8" standalone="yes"?>
<Relationships xmlns="http://schemas.openxmlformats.org/package/2006/relationships"><Relationship Id="rId5" Type="http://schemas.openxmlformats.org/officeDocument/2006/relationships/notesSlide" Target="../notesSlides/notesSlide4.xml"/><Relationship Id="rId4" Type="http://schemas.openxmlformats.org/officeDocument/2006/relationships/slideLayout" Target="../slideLayouts/slideLayout1.xml"/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image" Target="../media/image8.png"/></Relationships>
</file>

<file path=ppt/slides/_rels/slide8.xml.rels><?xml version="1.0" encoding="UTF-8" standalone="yes"?>
<Relationships xmlns="http://schemas.openxmlformats.org/package/2006/relationships"><Relationship Id="rId6" Type="http://schemas.openxmlformats.org/officeDocument/2006/relationships/notesSlide" Target="../notesSlides/notesSlide5.xml"/><Relationship Id="rId5" Type="http://schemas.openxmlformats.org/officeDocument/2006/relationships/slideLayout" Target="../slideLayouts/slideLayout1.xml"/><Relationship Id="rId4" Type="http://schemas.openxmlformats.org/officeDocument/2006/relationships/image" Target="../media/image11.png"/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image" Target="../media/image8.png"/></Relationships>
</file>

<file path=ppt/slides/_rels/slide9.xml.rels><?xml version="1.0" encoding="UTF-8" standalone="yes"?>
<Relationships xmlns="http://schemas.openxmlformats.org/package/2006/relationships"><Relationship Id="rId4" Type="http://schemas.openxmlformats.org/officeDocument/2006/relationships/notesSlide" Target="../notesSlides/notesSlide6.xml"/><Relationship Id="rId3" Type="http://schemas.openxmlformats.org/officeDocument/2006/relationships/slideLayout" Target="../slideLayouts/slideLayout1.xml"/><Relationship Id="rId2" Type="http://schemas.openxmlformats.org/officeDocument/2006/relationships/image" Target="../media/image13.png"/><Relationship Id="rId1" Type="http://schemas.openxmlformats.org/officeDocument/2006/relationships/image" Target="../media/image1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2783" name="Picture 15" descr="xmaslights"/>
          <p:cNvPicPr>
            <a:picLocks noChangeAspect="1" noChangeArrowheads="1" noCrop="1"/>
          </p:cNvPicPr>
          <p:nvPr/>
        </p:nvPicPr>
        <p:blipFill>
          <a:blip r:embed="rId1"/>
          <a:srcRect/>
          <a:stretch>
            <a:fillRect/>
          </a:stretch>
        </p:blipFill>
        <p:spPr bwMode="auto">
          <a:xfrm>
            <a:off x="0" y="0"/>
            <a:ext cx="12192000" cy="762000"/>
          </a:xfrm>
          <a:prstGeom prst="rect">
            <a:avLst/>
          </a:prstGeom>
          <a:noFill/>
        </p:spPr>
      </p:pic>
      <p:sp>
        <p:nvSpPr>
          <p:cNvPr id="4115" name="AutoShape 19"/>
          <p:cNvSpPr>
            <a:spLocks noChangeArrowheads="1"/>
          </p:cNvSpPr>
          <p:nvPr/>
        </p:nvSpPr>
        <p:spPr bwMode="auto">
          <a:xfrm>
            <a:off x="2235200" y="5410200"/>
            <a:ext cx="914400" cy="533400"/>
          </a:xfrm>
          <a:prstGeom prst="star5">
            <a:avLst/>
          </a:prstGeom>
          <a:gradFill rotWithShape="1">
            <a:gsLst>
              <a:gs pos="0">
                <a:srgbClr val="008000"/>
              </a:gs>
              <a:gs pos="100000">
                <a:srgbClr val="FF00FF"/>
              </a:gs>
            </a:gsLst>
            <a:lin ang="5400000" scaled="1"/>
          </a:gradFill>
          <a:ln>
            <a:noFill/>
          </a:ln>
          <a:effectLst/>
        </p:spPr>
        <p:txBody>
          <a:bodyPr wrap="none" lIns="91438" tIns="45719" rIns="91438" bIns="45719" anchor="ctr"/>
          <a:lstStyle/>
          <a:p>
            <a:pPr algn="ctr" defTabSz="914400">
              <a:defRPr/>
            </a:pPr>
            <a:endParaRPr lang="vi-VN">
              <a:solidFill>
                <a:prstClr val="black"/>
              </a:solidFill>
            </a:endParaRPr>
          </a:p>
        </p:txBody>
      </p:sp>
      <p:sp>
        <p:nvSpPr>
          <p:cNvPr id="4114" name="AutoShape 18"/>
          <p:cNvSpPr>
            <a:spLocks noChangeArrowheads="1"/>
          </p:cNvSpPr>
          <p:nvPr/>
        </p:nvSpPr>
        <p:spPr bwMode="auto">
          <a:xfrm>
            <a:off x="1320800" y="3886204"/>
            <a:ext cx="609600" cy="390525"/>
          </a:xfrm>
          <a:prstGeom prst="irregularSeal1">
            <a:avLst/>
          </a:prstGeom>
          <a:gradFill rotWithShape="1">
            <a:gsLst>
              <a:gs pos="0">
                <a:srgbClr val="FFFF00"/>
              </a:gs>
              <a:gs pos="100000">
                <a:srgbClr val="FF0000"/>
              </a:gs>
            </a:gsLst>
            <a:path path="shape">
              <a:fillToRect l="50000" t="50000" r="50000" b="50000"/>
            </a:path>
          </a:gradFill>
          <a:ln w="9525">
            <a:noFill/>
            <a:miter lim="800000"/>
          </a:ln>
        </p:spPr>
        <p:txBody>
          <a:bodyPr wrap="none" lIns="91438" tIns="45719" rIns="91438" bIns="45719" anchor="ctr"/>
          <a:lstStyle/>
          <a:p>
            <a:pPr algn="ctr" defTabSz="914400"/>
            <a:endParaRPr lang="vi-VN">
              <a:solidFill>
                <a:prstClr val="black"/>
              </a:solidFill>
            </a:endParaRPr>
          </a:p>
        </p:txBody>
      </p:sp>
      <p:sp>
        <p:nvSpPr>
          <p:cNvPr id="4111" name="AutoShape 15"/>
          <p:cNvSpPr>
            <a:spLocks noChangeArrowheads="1"/>
          </p:cNvSpPr>
          <p:nvPr/>
        </p:nvSpPr>
        <p:spPr bwMode="auto">
          <a:xfrm>
            <a:off x="5080000" y="838200"/>
            <a:ext cx="508000" cy="381000"/>
          </a:xfrm>
          <a:prstGeom prst="star5">
            <a:avLst/>
          </a:prstGeom>
          <a:gradFill rotWithShape="1">
            <a:gsLst>
              <a:gs pos="0">
                <a:srgbClr val="FFFF00"/>
              </a:gs>
              <a:gs pos="100000">
                <a:srgbClr val="1907FD"/>
              </a:gs>
            </a:gsLst>
            <a:path path="shape">
              <a:fillToRect l="50000" t="50000" r="50000" b="50000"/>
            </a:path>
          </a:gradFill>
          <a:ln>
            <a:noFill/>
          </a:ln>
          <a:effectLst/>
        </p:spPr>
        <p:txBody>
          <a:bodyPr wrap="none" lIns="91438" tIns="45719" rIns="91438" bIns="45719" anchor="ctr"/>
          <a:lstStyle/>
          <a:p>
            <a:pPr algn="ctr" defTabSz="914400">
              <a:defRPr/>
            </a:pPr>
            <a:endParaRPr lang="vi-VN">
              <a:solidFill>
                <a:prstClr val="black"/>
              </a:solidFill>
            </a:endParaRPr>
          </a:p>
        </p:txBody>
      </p:sp>
      <p:sp>
        <p:nvSpPr>
          <p:cNvPr id="2" name="AutoShape 19"/>
          <p:cNvSpPr>
            <a:spLocks noChangeArrowheads="1"/>
          </p:cNvSpPr>
          <p:nvPr/>
        </p:nvSpPr>
        <p:spPr bwMode="auto">
          <a:xfrm>
            <a:off x="5689600" y="5867400"/>
            <a:ext cx="914400" cy="533400"/>
          </a:xfrm>
          <a:prstGeom prst="star5">
            <a:avLst/>
          </a:prstGeom>
          <a:gradFill rotWithShape="1">
            <a:gsLst>
              <a:gs pos="0">
                <a:srgbClr val="008000"/>
              </a:gs>
              <a:gs pos="100000">
                <a:srgbClr val="FF00FF"/>
              </a:gs>
            </a:gsLst>
            <a:lin ang="5400000" scaled="1"/>
          </a:gradFill>
          <a:ln>
            <a:noFill/>
          </a:ln>
          <a:effectLst/>
        </p:spPr>
        <p:txBody>
          <a:bodyPr wrap="none" lIns="91438" tIns="45719" rIns="91438" bIns="45719" anchor="ctr"/>
          <a:lstStyle/>
          <a:p>
            <a:pPr algn="ctr" defTabSz="914400">
              <a:defRPr/>
            </a:pPr>
            <a:endParaRPr lang="vi-VN">
              <a:solidFill>
                <a:prstClr val="black"/>
              </a:solidFill>
            </a:endParaRPr>
          </a:p>
        </p:txBody>
      </p:sp>
      <p:sp>
        <p:nvSpPr>
          <p:cNvPr id="3" name="AutoShape 18"/>
          <p:cNvSpPr>
            <a:spLocks noChangeArrowheads="1"/>
          </p:cNvSpPr>
          <p:nvPr/>
        </p:nvSpPr>
        <p:spPr bwMode="auto">
          <a:xfrm>
            <a:off x="1320800" y="3886204"/>
            <a:ext cx="609600" cy="390525"/>
          </a:xfrm>
          <a:prstGeom prst="irregularSeal1">
            <a:avLst/>
          </a:prstGeom>
          <a:gradFill rotWithShape="1">
            <a:gsLst>
              <a:gs pos="0">
                <a:srgbClr val="FFFF00"/>
              </a:gs>
              <a:gs pos="100000">
                <a:srgbClr val="FF0000"/>
              </a:gs>
            </a:gsLst>
            <a:path path="shape">
              <a:fillToRect l="50000" t="50000" r="50000" b="50000"/>
            </a:path>
          </a:gradFill>
          <a:ln w="9525">
            <a:noFill/>
            <a:miter lim="800000"/>
          </a:ln>
        </p:spPr>
        <p:txBody>
          <a:bodyPr wrap="none" lIns="91438" tIns="45719" rIns="91438" bIns="45719" anchor="ctr"/>
          <a:lstStyle/>
          <a:p>
            <a:pPr algn="ctr" defTabSz="914400"/>
            <a:endParaRPr lang="vi-VN">
              <a:solidFill>
                <a:prstClr val="black"/>
              </a:solidFill>
            </a:endParaRPr>
          </a:p>
        </p:txBody>
      </p:sp>
      <p:sp>
        <p:nvSpPr>
          <p:cNvPr id="4" name="AutoShape 18"/>
          <p:cNvSpPr>
            <a:spLocks noChangeArrowheads="1"/>
          </p:cNvSpPr>
          <p:nvPr/>
        </p:nvSpPr>
        <p:spPr bwMode="auto">
          <a:xfrm>
            <a:off x="8128000" y="2057401"/>
            <a:ext cx="609600" cy="390525"/>
          </a:xfrm>
          <a:prstGeom prst="irregularSeal1">
            <a:avLst/>
          </a:prstGeom>
          <a:gradFill rotWithShape="1">
            <a:gsLst>
              <a:gs pos="0">
                <a:srgbClr val="FFFF00"/>
              </a:gs>
              <a:gs pos="100000">
                <a:srgbClr val="FF0000"/>
              </a:gs>
            </a:gsLst>
            <a:path path="shape">
              <a:fillToRect l="50000" t="50000" r="50000" b="50000"/>
            </a:path>
          </a:gradFill>
          <a:ln w="9525">
            <a:noFill/>
            <a:miter lim="800000"/>
          </a:ln>
        </p:spPr>
        <p:txBody>
          <a:bodyPr wrap="none" lIns="91438" tIns="45719" rIns="91438" bIns="45719" anchor="ctr"/>
          <a:lstStyle/>
          <a:p>
            <a:pPr algn="ctr" defTabSz="914400"/>
            <a:endParaRPr lang="vi-VN">
              <a:solidFill>
                <a:prstClr val="black"/>
              </a:solidFill>
            </a:endParaRPr>
          </a:p>
        </p:txBody>
      </p:sp>
      <p:sp>
        <p:nvSpPr>
          <p:cNvPr id="5" name="AutoShape 18"/>
          <p:cNvSpPr>
            <a:spLocks noChangeArrowheads="1"/>
          </p:cNvSpPr>
          <p:nvPr/>
        </p:nvSpPr>
        <p:spPr bwMode="auto">
          <a:xfrm>
            <a:off x="9550400" y="4724404"/>
            <a:ext cx="609600" cy="390525"/>
          </a:xfrm>
          <a:prstGeom prst="irregularSeal1">
            <a:avLst/>
          </a:prstGeom>
          <a:gradFill rotWithShape="1">
            <a:gsLst>
              <a:gs pos="0">
                <a:srgbClr val="FFFF00"/>
              </a:gs>
              <a:gs pos="100000">
                <a:srgbClr val="FF0000"/>
              </a:gs>
            </a:gsLst>
            <a:path path="shape">
              <a:fillToRect l="50000" t="50000" r="50000" b="50000"/>
            </a:path>
          </a:gradFill>
          <a:ln w="9525">
            <a:noFill/>
            <a:miter lim="800000"/>
          </a:ln>
        </p:spPr>
        <p:txBody>
          <a:bodyPr wrap="none" lIns="91438" tIns="45719" rIns="91438" bIns="45719" anchor="ctr"/>
          <a:lstStyle/>
          <a:p>
            <a:pPr algn="ctr" defTabSz="914400"/>
            <a:endParaRPr lang="vi-VN">
              <a:solidFill>
                <a:prstClr val="black"/>
              </a:solidFill>
            </a:endParaRPr>
          </a:p>
        </p:txBody>
      </p:sp>
      <p:sp>
        <p:nvSpPr>
          <p:cNvPr id="6" name="AutoShape 18"/>
          <p:cNvSpPr>
            <a:spLocks noChangeArrowheads="1"/>
          </p:cNvSpPr>
          <p:nvPr/>
        </p:nvSpPr>
        <p:spPr bwMode="auto">
          <a:xfrm>
            <a:off x="4267200" y="1752601"/>
            <a:ext cx="609600" cy="390525"/>
          </a:xfrm>
          <a:prstGeom prst="irregularSeal1">
            <a:avLst/>
          </a:prstGeom>
          <a:gradFill rotWithShape="1">
            <a:gsLst>
              <a:gs pos="0">
                <a:srgbClr val="FFFF00"/>
              </a:gs>
              <a:gs pos="100000">
                <a:srgbClr val="FF0000"/>
              </a:gs>
            </a:gsLst>
            <a:path path="shape">
              <a:fillToRect l="50000" t="50000" r="50000" b="50000"/>
            </a:path>
          </a:gradFill>
          <a:ln w="9525">
            <a:noFill/>
            <a:miter lim="800000"/>
          </a:ln>
        </p:spPr>
        <p:txBody>
          <a:bodyPr wrap="none" lIns="91438" tIns="45719" rIns="91438" bIns="45719" anchor="ctr"/>
          <a:lstStyle/>
          <a:p>
            <a:pPr algn="ctr" defTabSz="914400"/>
            <a:endParaRPr lang="vi-VN">
              <a:solidFill>
                <a:prstClr val="black"/>
              </a:solidFill>
            </a:endParaRPr>
          </a:p>
        </p:txBody>
      </p:sp>
      <p:sp>
        <p:nvSpPr>
          <p:cNvPr id="7" name="AutoShape 19"/>
          <p:cNvSpPr>
            <a:spLocks noChangeArrowheads="1"/>
          </p:cNvSpPr>
          <p:nvPr/>
        </p:nvSpPr>
        <p:spPr bwMode="auto">
          <a:xfrm>
            <a:off x="5689600" y="1371600"/>
            <a:ext cx="914400" cy="533400"/>
          </a:xfrm>
          <a:prstGeom prst="star5">
            <a:avLst/>
          </a:prstGeom>
          <a:gradFill rotWithShape="1">
            <a:gsLst>
              <a:gs pos="0">
                <a:srgbClr val="008000"/>
              </a:gs>
              <a:gs pos="100000">
                <a:srgbClr val="FF00FF"/>
              </a:gs>
            </a:gsLst>
            <a:lin ang="5400000" scaled="1"/>
          </a:gradFill>
          <a:ln>
            <a:noFill/>
          </a:ln>
          <a:effectLst/>
        </p:spPr>
        <p:txBody>
          <a:bodyPr wrap="none" lIns="91438" tIns="45719" rIns="91438" bIns="45719" anchor="ctr"/>
          <a:lstStyle/>
          <a:p>
            <a:pPr algn="ctr" defTabSz="914400">
              <a:defRPr/>
            </a:pPr>
            <a:endParaRPr lang="vi-VN">
              <a:solidFill>
                <a:prstClr val="black"/>
              </a:solidFill>
            </a:endParaRPr>
          </a:p>
        </p:txBody>
      </p:sp>
      <p:sp>
        <p:nvSpPr>
          <p:cNvPr id="8" name="AutoShape 19"/>
          <p:cNvSpPr>
            <a:spLocks noChangeArrowheads="1"/>
          </p:cNvSpPr>
          <p:nvPr/>
        </p:nvSpPr>
        <p:spPr bwMode="auto">
          <a:xfrm>
            <a:off x="10566400" y="3962400"/>
            <a:ext cx="914400" cy="533400"/>
          </a:xfrm>
          <a:prstGeom prst="star5">
            <a:avLst/>
          </a:prstGeom>
          <a:gradFill rotWithShape="1">
            <a:gsLst>
              <a:gs pos="0">
                <a:srgbClr val="008000"/>
              </a:gs>
              <a:gs pos="100000">
                <a:srgbClr val="FF00FF"/>
              </a:gs>
            </a:gsLst>
            <a:lin ang="5400000" scaled="1"/>
          </a:gradFill>
          <a:ln>
            <a:noFill/>
          </a:ln>
          <a:effectLst/>
        </p:spPr>
        <p:txBody>
          <a:bodyPr wrap="none" lIns="91438" tIns="45719" rIns="91438" bIns="45719" anchor="ctr"/>
          <a:lstStyle/>
          <a:p>
            <a:pPr algn="ctr" defTabSz="914400">
              <a:defRPr/>
            </a:pPr>
            <a:endParaRPr lang="vi-VN">
              <a:solidFill>
                <a:prstClr val="black"/>
              </a:solidFill>
            </a:endParaRPr>
          </a:p>
        </p:txBody>
      </p:sp>
      <p:pic>
        <p:nvPicPr>
          <p:cNvPr id="20" name="Picture 17" descr="addemoticons172"/>
          <p:cNvPicPr>
            <a:picLocks noChangeAspect="1" noChangeArrowheads="1" noCrop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10261600" y="5029200"/>
            <a:ext cx="2032000" cy="1828800"/>
          </a:xfrm>
          <a:prstGeom prst="rect">
            <a:avLst/>
          </a:prstGeom>
          <a:noFill/>
        </p:spPr>
      </p:pic>
      <p:pic>
        <p:nvPicPr>
          <p:cNvPr id="21" name="Picture 17" descr="addemoticons172"/>
          <p:cNvPicPr>
            <a:picLocks noChangeAspect="1" noChangeArrowheads="1" noCrop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5181600" y="5029200"/>
            <a:ext cx="2032000" cy="1828800"/>
          </a:xfrm>
          <a:prstGeom prst="rect">
            <a:avLst/>
          </a:prstGeom>
          <a:noFill/>
        </p:spPr>
      </p:pic>
      <p:pic>
        <p:nvPicPr>
          <p:cNvPr id="22" name="Picture 17" descr="addemoticons172"/>
          <p:cNvPicPr>
            <a:picLocks noChangeAspect="1" noChangeArrowheads="1" noCrop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2641600" y="5029200"/>
            <a:ext cx="2032000" cy="1828800"/>
          </a:xfrm>
          <a:prstGeom prst="rect">
            <a:avLst/>
          </a:prstGeom>
          <a:noFill/>
        </p:spPr>
      </p:pic>
      <p:pic>
        <p:nvPicPr>
          <p:cNvPr id="23" name="Picture 17" descr="addemoticons172"/>
          <p:cNvPicPr>
            <a:picLocks noChangeAspect="1" noChangeArrowheads="1" noCrop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0" y="5029200"/>
            <a:ext cx="2032000" cy="1828800"/>
          </a:xfrm>
          <a:prstGeom prst="rect">
            <a:avLst/>
          </a:prstGeom>
          <a:noFill/>
        </p:spPr>
      </p:pic>
      <p:pic>
        <p:nvPicPr>
          <p:cNvPr id="24" name="Picture 17" descr="addemoticons172"/>
          <p:cNvPicPr>
            <a:picLocks noChangeAspect="1" noChangeArrowheads="1" noCrop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7823200" y="5029200"/>
            <a:ext cx="2032000" cy="1828800"/>
          </a:xfrm>
          <a:prstGeom prst="rect">
            <a:avLst/>
          </a:prstGeom>
          <a:noFill/>
        </p:spPr>
      </p:pic>
      <p:pic>
        <p:nvPicPr>
          <p:cNvPr id="25" name="Picture 15" descr="0830js5b15daddi012pz8"/>
          <p:cNvPicPr>
            <a:picLocks noChangeAspect="1" noChangeArrowheads="1" noCrop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11176000" y="762000"/>
            <a:ext cx="1016000" cy="2209800"/>
          </a:xfrm>
          <a:prstGeom prst="rect">
            <a:avLst/>
          </a:prstGeom>
          <a:noFill/>
        </p:spPr>
      </p:pic>
      <p:pic>
        <p:nvPicPr>
          <p:cNvPr id="26" name="Picture 15" descr="0830js5b15daddi012pz8"/>
          <p:cNvPicPr>
            <a:picLocks noChangeAspect="1" noChangeArrowheads="1" noCrop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0" y="609600"/>
            <a:ext cx="1016000" cy="2209800"/>
          </a:xfrm>
          <a:prstGeom prst="rect">
            <a:avLst/>
          </a:prstGeom>
          <a:noFill/>
        </p:spPr>
      </p:pic>
      <p:pic>
        <p:nvPicPr>
          <p:cNvPr id="27" name="Picture 15" descr="0830js5b15daddi012pz8"/>
          <p:cNvPicPr>
            <a:picLocks noChangeAspect="1" noChangeArrowheads="1" noCrop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5486400" y="2743200"/>
            <a:ext cx="1016000" cy="2209800"/>
          </a:xfrm>
          <a:prstGeom prst="rect">
            <a:avLst/>
          </a:prstGeom>
          <a:noFill/>
        </p:spPr>
      </p:pic>
      <p:sp>
        <p:nvSpPr>
          <p:cNvPr id="29" name="WordArt 6"/>
          <p:cNvSpPr>
            <a:spLocks noChangeArrowheads="1" noChangeShapeType="1" noTextEdit="1"/>
          </p:cNvSpPr>
          <p:nvPr/>
        </p:nvSpPr>
        <p:spPr bwMode="auto">
          <a:xfrm>
            <a:off x="1121459" y="647700"/>
            <a:ext cx="10058400" cy="2209800"/>
          </a:xfrm>
          <a:prstGeom prst="rect">
            <a:avLst/>
          </a:prstGeom>
        </p:spPr>
        <p:txBody>
          <a:bodyPr wrap="none" lIns="91438" tIns="45719" rIns="91438" bIns="45719" fromWordArt="1">
            <a:prstTxWarp prst="textWave1">
              <a:avLst>
                <a:gd name="adj1" fmla="val 13005"/>
                <a:gd name="adj2" fmla="val 0"/>
              </a:avLst>
            </a:prstTxWarp>
          </a:bodyPr>
          <a:lstStyle/>
          <a:p>
            <a:pPr algn="ctr" defTabSz="914400"/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rgbClr val="FFFF00"/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CHÀO MỪNG</a:t>
            </a:r>
            <a:endParaRPr lang="en-US" sz="5500" b="1" kern="10" dirty="0">
              <a:ln w="9525">
                <a:solidFill>
                  <a:srgbClr val="FF0000"/>
                </a:solidFill>
                <a:round/>
              </a:ln>
              <a:solidFill>
                <a:srgbClr val="FFFF00"/>
              </a:solidFill>
              <a:effectLst>
                <a:outerShdw dist="53882" dir="2700000" algn="ctr" rotWithShape="0">
                  <a:srgbClr val="C0C0C0">
                    <a:alpha val="79999"/>
                  </a:srgbClr>
                </a:outerShdw>
              </a:effectLst>
              <a:latin typeface="Times New Roman" panose="02020603050405020304"/>
              <a:cs typeface="Times New Roman" panose="02020603050405020304"/>
            </a:endParaRPr>
          </a:p>
        </p:txBody>
      </p:sp>
      <p:sp>
        <p:nvSpPr>
          <p:cNvPr id="9" name="Rectangle 8"/>
          <p:cNvSpPr/>
          <p:nvPr/>
        </p:nvSpPr>
        <p:spPr>
          <a:xfrm>
            <a:off x="863874" y="2620901"/>
            <a:ext cx="10264669" cy="3316742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>
            <a:defPPr>
              <a:defRPr lang="en-US"/>
            </a:defPPr>
            <a:lvl1pPr marL="0" algn="l" defTabSz="456565" rtl="0" eaLnBrk="1" latinLnBrk="0" hangingPunct="1">
              <a:defRPr sz="19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6565" algn="l" defTabSz="456565" rtl="0" eaLnBrk="1" latinLnBrk="0" hangingPunct="1">
              <a:defRPr sz="19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3765" algn="l" defTabSz="456565" rtl="0" eaLnBrk="1" latinLnBrk="0" hangingPunct="1">
              <a:defRPr sz="19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0330" algn="l" defTabSz="456565" rtl="0" eaLnBrk="1" latinLnBrk="0" hangingPunct="1">
              <a:defRPr sz="19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7530" algn="l" defTabSz="456565" rtl="0" eaLnBrk="1" latinLnBrk="0" hangingPunct="1">
              <a:defRPr sz="19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4095" algn="l" defTabSz="456565" rtl="0" eaLnBrk="1" latinLnBrk="0" hangingPunct="1">
              <a:defRPr sz="19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1295" algn="l" defTabSz="456565" rtl="0" eaLnBrk="1" latinLnBrk="0" hangingPunct="1">
              <a:defRPr sz="19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197860" algn="l" defTabSz="456565" rtl="0" eaLnBrk="1" latinLnBrk="0" hangingPunct="1">
              <a:defRPr sz="19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5060" algn="l" defTabSz="456565" rtl="0" eaLnBrk="1" latinLnBrk="0" hangingPunct="1">
              <a:defRPr sz="19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ct val="150000"/>
              </a:lnSpc>
            </a:pPr>
            <a:r>
              <a:rPr lang="en-US" sz="3600" b="1" kern="10" cap="none" spc="0" dirty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accent5"/>
                </a:solidFill>
                <a:effectLst>
                  <a:outerShdw blurRad="12700" dist="38100" dir="2700000" algn="tl" rotWithShape="0">
                    <a:schemeClr val="accent5">
                      <a:lumMod val="60000"/>
                      <a:lumOff val="40000"/>
                    </a:schemeClr>
                  </a:outerShdw>
                </a:effectLst>
                <a:latin typeface="Times New Roman" panose="02020603050405020304"/>
                <a:cs typeface="Times New Roman" panose="02020603050405020304"/>
              </a:rPr>
              <a:t>QUÝ BGK VỀ THAM DỰ HỘI THI  GIÁO VIÊN </a:t>
            </a:r>
            <a:endParaRPr lang="en-US" sz="3600" b="1" kern="10" cap="none" spc="0" dirty="0">
              <a:ln w="9525">
                <a:solidFill>
                  <a:schemeClr val="bg1"/>
                </a:solidFill>
                <a:prstDash val="solid"/>
              </a:ln>
              <a:solidFill>
                <a:schemeClr val="accent5"/>
              </a:solidFill>
              <a:effectLst>
                <a:outerShdw blurRad="12700" dist="38100" dir="2700000" algn="tl" rotWithShape="0">
                  <a:schemeClr val="accent5">
                    <a:lumMod val="60000"/>
                    <a:lumOff val="40000"/>
                  </a:schemeClr>
                </a:outerShdw>
              </a:effectLst>
              <a:latin typeface="Times New Roman" panose="02020603050405020304"/>
              <a:cs typeface="Times New Roman" panose="02020603050405020304"/>
            </a:endParaRPr>
          </a:p>
          <a:p>
            <a:pPr algn="ctr">
              <a:lnSpc>
                <a:spcPct val="150000"/>
              </a:lnSpc>
            </a:pPr>
            <a:r>
              <a:rPr lang="en-US" sz="3600" b="1" kern="10" cap="none" spc="0" dirty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accent5"/>
                </a:solidFill>
                <a:effectLst>
                  <a:outerShdw blurRad="12700" dist="38100" dir="2700000" algn="tl" rotWithShape="0">
                    <a:schemeClr val="accent5">
                      <a:lumMod val="60000"/>
                      <a:lumOff val="40000"/>
                    </a:schemeClr>
                  </a:outerShdw>
                </a:effectLst>
                <a:latin typeface="Times New Roman" panose="02020603050405020304"/>
                <a:cs typeface="Times New Roman" panose="02020603050405020304"/>
              </a:rPr>
              <a:t>GIỎI CẤP HUYỆN</a:t>
            </a:r>
            <a:endParaRPr lang="en-US" sz="3600" b="1" kern="10" cap="none" spc="0" dirty="0">
              <a:ln w="9525">
                <a:solidFill>
                  <a:schemeClr val="bg1"/>
                </a:solidFill>
                <a:prstDash val="solid"/>
              </a:ln>
              <a:solidFill>
                <a:schemeClr val="accent5"/>
              </a:solidFill>
              <a:effectLst>
                <a:outerShdw blurRad="12700" dist="38100" dir="2700000" algn="tl" rotWithShape="0">
                  <a:schemeClr val="accent5">
                    <a:lumMod val="60000"/>
                    <a:lumOff val="40000"/>
                  </a:schemeClr>
                </a:outerShdw>
              </a:effectLst>
              <a:latin typeface="Times New Roman" panose="02020603050405020304"/>
              <a:cs typeface="Times New Roman" panose="02020603050405020304"/>
            </a:endParaRPr>
          </a:p>
          <a:p>
            <a:pPr algn="ctr">
              <a:lnSpc>
                <a:spcPct val="150000"/>
              </a:lnSpc>
            </a:pPr>
            <a:r>
              <a:rPr lang="en-US" sz="3600" b="1" kern="10" dirty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accent5"/>
                </a:solidFill>
                <a:effectLst>
                  <a:outerShdw blurRad="12700" dist="38100" dir="2700000" algn="tl" rotWithShape="0">
                    <a:schemeClr val="accent5">
                      <a:lumMod val="60000"/>
                      <a:lumOff val="40000"/>
                    </a:schemeClr>
                  </a:outerShdw>
                </a:effectLst>
                <a:latin typeface="Times New Roman" panose="02020603050405020304"/>
                <a:cs typeface="Times New Roman" panose="02020603050405020304"/>
              </a:rPr>
              <a:t>GV: PHẠM THỊ HOAN</a:t>
            </a:r>
            <a:endParaRPr lang="en-US" sz="3600" b="1" kern="10" dirty="0">
              <a:ln w="9525">
                <a:solidFill>
                  <a:schemeClr val="bg1"/>
                </a:solidFill>
                <a:prstDash val="solid"/>
              </a:ln>
              <a:solidFill>
                <a:schemeClr val="accent5"/>
              </a:solidFill>
              <a:effectLst>
                <a:outerShdw blurRad="12700" dist="38100" dir="2700000" algn="tl" rotWithShape="0">
                  <a:schemeClr val="accent5">
                    <a:lumMod val="60000"/>
                    <a:lumOff val="40000"/>
                  </a:schemeClr>
                </a:outerShdw>
              </a:effectLst>
              <a:latin typeface="Times New Roman" panose="02020603050405020304"/>
              <a:cs typeface="Times New Roman" panose="02020603050405020304"/>
            </a:endParaRPr>
          </a:p>
          <a:p>
            <a:pPr algn="ctr">
              <a:lnSpc>
                <a:spcPct val="150000"/>
              </a:lnSpc>
            </a:pPr>
            <a:r>
              <a:rPr lang="en-US" sz="3600" b="1" kern="10" dirty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accent5"/>
                </a:solidFill>
                <a:effectLst>
                  <a:outerShdw blurRad="12700" dist="38100" dir="2700000" algn="tl" rotWithShape="0">
                    <a:schemeClr val="accent5">
                      <a:lumMod val="60000"/>
                      <a:lumOff val="40000"/>
                    </a:schemeClr>
                  </a:outerShdw>
                </a:effectLst>
                <a:latin typeface="Times New Roman" panose="02020603050405020304"/>
                <a:cs typeface="Times New Roman" panose="02020603050405020304"/>
              </a:rPr>
              <a:t>ĐƠN VỊ: THCS LÊ QUÝ ĐÔN</a:t>
            </a:r>
            <a:endParaRPr lang="en-US" sz="3600" b="1" kern="10" dirty="0">
              <a:ln w="9525">
                <a:solidFill>
                  <a:schemeClr val="bg1"/>
                </a:solidFill>
                <a:prstDash val="solid"/>
              </a:ln>
              <a:solidFill>
                <a:schemeClr val="accent5"/>
              </a:solidFill>
              <a:effectLst>
                <a:outerShdw blurRad="12700" dist="38100" dir="2700000" algn="tl" rotWithShape="0">
                  <a:schemeClr val="accent5">
                    <a:lumMod val="60000"/>
                    <a:lumOff val="40000"/>
                  </a:schemeClr>
                </a:outerShdw>
              </a:effectLst>
              <a:latin typeface="Times New Roman" panose="02020603050405020304"/>
              <a:cs typeface="Times New Roman" panose="02020603050405020304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7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327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" dur="1000" fill="hold"/>
                                        <p:tgtEl>
                                          <p:spTgt spid="41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41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41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41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4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41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1000" fill="hold"/>
                                        <p:tgtEl>
                                          <p:spTgt spid="41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41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41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0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41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41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1000" fill="hold"/>
                                        <p:tgtEl>
                                          <p:spTgt spid="41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1000" fill="hold"/>
                                        <p:tgtEl>
                                          <p:spTgt spid="41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6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1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2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8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3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4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6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7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8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50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2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4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5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56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9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0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1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62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4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5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6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7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500"/>
                            </p:stCondLst>
                            <p:childTnLst>
                              <p:par>
                                <p:cTn id="69" presetID="23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70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71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72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set>
                                      <p:cBhvr>
                                        <p:cTn id="73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61425" y="44439"/>
            <a:ext cx="9429420" cy="368568"/>
          </a:xfrm>
        </p:spPr>
        <p:txBody>
          <a:bodyPr>
            <a:noAutofit/>
          </a:bodyPr>
          <a:lstStyle/>
          <a:p>
            <a:pPr algn="ctr"/>
            <a:r>
              <a:rPr lang="en-US" sz="2800" b="1" dirty="0" err="1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Cấu</a:t>
            </a:r>
            <a:r>
              <a:rPr lang="en-US" sz="2800" b="1" dirty="0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tạo</a:t>
            </a:r>
            <a:r>
              <a:rPr lang="en-US" sz="2800" b="1" dirty="0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của</a:t>
            </a:r>
            <a:r>
              <a:rPr lang="en-US" sz="2800" b="1" dirty="0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mô</a:t>
            </a:r>
            <a:r>
              <a:rPr lang="en-US" sz="2800" b="1" dirty="0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hình</a:t>
            </a:r>
            <a:r>
              <a:rPr lang="en-US" sz="2800" b="1" dirty="0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/</a:t>
            </a:r>
            <a:r>
              <a:rPr lang="en-US" sz="2800" b="1" dirty="0" err="1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sản</a:t>
            </a:r>
            <a:r>
              <a:rPr lang="en-US" sz="2800" b="1" dirty="0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 </a:t>
            </a:r>
            <a:r>
              <a:rPr lang="en-US" sz="2800" b="1" dirty="0" err="1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phẩm</a:t>
            </a:r>
            <a:r>
              <a:rPr lang="en-US" sz="2800" dirty="0">
                <a:solidFill>
                  <a:srgbClr val="FF0000"/>
                </a:solidFill>
                <a:effectLst/>
                <a:latin typeface="TimesNewRoman"/>
                <a:ea typeface="SimSun" panose="02010600030101010101" pitchFamily="2" charset="-122"/>
              </a:rPr>
              <a:t> </a:t>
            </a:r>
            <a:br>
              <a:rPr lang="en-US" sz="2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</a:br>
            <a:endParaRPr lang="en-SG" sz="4800" b="1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3" name="Rectangle 12"/>
          <p:cNvSpPr/>
          <p:nvPr/>
        </p:nvSpPr>
        <p:spPr>
          <a:xfrm>
            <a:off x="7112628" y="5979313"/>
            <a:ext cx="3634197" cy="384660"/>
          </a:xfrm>
          <a:prstGeom prst="rect">
            <a:avLst/>
          </a:prstGeom>
        </p:spPr>
        <p:txBody>
          <a:bodyPr wrap="none" lIns="91375" tIns="45690" rIns="91375" bIns="45690">
            <a:spAutoFit/>
          </a:bodyPr>
          <a:lstStyle/>
          <a:p>
            <a:pPr algn="just"/>
            <a:r>
              <a:rPr lang="en-US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ỏi</a:t>
            </a:r>
            <a:r>
              <a:rPr lang="en-US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ắc</a:t>
            </a:r>
            <a:r>
              <a:rPr lang="en-US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hiệm</a:t>
            </a:r>
            <a:r>
              <a:rPr lang="en-US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ự</a:t>
            </a:r>
            <a:r>
              <a:rPr lang="en-US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pt-BR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4" name="Rectangle 13"/>
          <p:cNvSpPr/>
          <p:nvPr/>
        </p:nvSpPr>
        <p:spPr>
          <a:xfrm>
            <a:off x="1191563" y="446521"/>
            <a:ext cx="2298896" cy="384660"/>
          </a:xfrm>
          <a:prstGeom prst="rect">
            <a:avLst/>
          </a:prstGeom>
        </p:spPr>
        <p:txBody>
          <a:bodyPr wrap="none" lIns="91375" tIns="45690" rIns="91375" bIns="45690">
            <a:spAutoFit/>
          </a:bodyPr>
          <a:lstStyle/>
          <a:p>
            <a:r>
              <a:rPr lang="pt-B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ản</a:t>
            </a:r>
            <a:r>
              <a:rPr lang="pt-BR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pt-B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ồ</a:t>
            </a:r>
            <a:r>
              <a:rPr lang="pt-BR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pt-B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ơ</a:t>
            </a:r>
            <a:r>
              <a:rPr lang="pt-BR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pt-B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ở</a:t>
            </a:r>
            <a:r>
              <a:rPr lang="pt-BR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pt-B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ữ</a:t>
            </a:r>
            <a:r>
              <a:rPr lang="pt-BR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pt-B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iệu</a:t>
            </a:r>
            <a:endParaRPr lang="pt-BR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8" name="Rectangle 17"/>
          <p:cNvSpPr/>
          <p:nvPr/>
        </p:nvSpPr>
        <p:spPr>
          <a:xfrm>
            <a:off x="1817396" y="6080394"/>
            <a:ext cx="3050704" cy="384660"/>
          </a:xfrm>
          <a:prstGeom prst="rect">
            <a:avLst/>
          </a:prstGeom>
        </p:spPr>
        <p:txBody>
          <a:bodyPr wrap="none" lIns="91375" tIns="45690" rIns="91375" bIns="45690">
            <a:spAutoFit/>
          </a:bodyPr>
          <a:lstStyle/>
          <a:p>
            <a:r>
              <a:rPr lang="fr-F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ích</a:t>
            </a:r>
            <a:r>
              <a:rPr lang="fr-FR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ợp</a:t>
            </a:r>
            <a:r>
              <a:rPr lang="fr-FR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atbot</a:t>
            </a:r>
            <a:r>
              <a:rPr lang="fr-FR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atGPT</a:t>
            </a:r>
            <a:endParaRPr lang="en-US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Rectangle 21"/>
          <p:cNvSpPr/>
          <p:nvPr/>
        </p:nvSpPr>
        <p:spPr>
          <a:xfrm>
            <a:off x="7523255" y="397953"/>
            <a:ext cx="1707387" cy="384660"/>
          </a:xfrm>
          <a:prstGeom prst="rect">
            <a:avLst/>
          </a:prstGeom>
        </p:spPr>
        <p:txBody>
          <a:bodyPr wrap="none" lIns="91375" tIns="45690" rIns="91375" bIns="45690">
            <a:spAutoFit/>
          </a:bodyPr>
          <a:lstStyle/>
          <a:p>
            <a:r>
              <a:rPr lang="fr-F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fr-FR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ứng</a:t>
            </a:r>
            <a:r>
              <a:rPr lang="fr-FR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fr-FR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ụng</a:t>
            </a:r>
            <a:r>
              <a:rPr lang="fr-FR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endParaRPr lang="pt-BR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16" name="组合 1"/>
          <p:cNvGrpSpPr/>
          <p:nvPr/>
        </p:nvGrpSpPr>
        <p:grpSpPr>
          <a:xfrm rot="1834192">
            <a:off x="10878812" y="138813"/>
            <a:ext cx="1419249" cy="808627"/>
            <a:chOff x="3213034" y="2169467"/>
            <a:chExt cx="5770984" cy="3149507"/>
          </a:xfrm>
        </p:grpSpPr>
        <p:sp>
          <p:nvSpPr>
            <p:cNvPr id="17" name="Oval 32"/>
            <p:cNvSpPr/>
            <p:nvPr/>
          </p:nvSpPr>
          <p:spPr>
            <a:xfrm>
              <a:off x="6650647" y="3206028"/>
              <a:ext cx="1084349" cy="1084349"/>
            </a:xfrm>
            <a:prstGeom prst="ellipse">
              <a:avLst/>
            </a:prstGeom>
            <a:solidFill>
              <a:schemeClr val="bg1">
                <a:lumMod val="9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20" name="Oval 30"/>
            <p:cNvSpPr/>
            <p:nvPr/>
          </p:nvSpPr>
          <p:spPr>
            <a:xfrm>
              <a:off x="4444881" y="3206028"/>
              <a:ext cx="1084349" cy="1084349"/>
            </a:xfrm>
            <a:prstGeom prst="ellipse">
              <a:avLst/>
            </a:prstGeom>
            <a:solidFill>
              <a:schemeClr val="bg1">
                <a:lumMod val="9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21" name="Freeform: Shape 13"/>
            <p:cNvSpPr/>
            <p:nvPr/>
          </p:nvSpPr>
          <p:spPr bwMode="auto">
            <a:xfrm>
              <a:off x="5625499" y="2169468"/>
              <a:ext cx="1575300" cy="1575297"/>
            </a:xfrm>
            <a:custGeom>
              <a:avLst/>
              <a:gdLst>
                <a:gd name="T0" fmla="*/ 2905 w 2905"/>
                <a:gd name="T1" fmla="*/ 0 h 2903"/>
                <a:gd name="T2" fmla="*/ 2830 w 2905"/>
                <a:gd name="T3" fmla="*/ 0 h 2903"/>
                <a:gd name="T4" fmla="*/ 2681 w 2905"/>
                <a:gd name="T5" fmla="*/ 7 h 2903"/>
                <a:gd name="T6" fmla="*/ 2535 w 2905"/>
                <a:gd name="T7" fmla="*/ 22 h 2903"/>
                <a:gd name="T8" fmla="*/ 2390 w 2905"/>
                <a:gd name="T9" fmla="*/ 44 h 2903"/>
                <a:gd name="T10" fmla="*/ 2249 w 2905"/>
                <a:gd name="T11" fmla="*/ 73 h 2903"/>
                <a:gd name="T12" fmla="*/ 2110 w 2905"/>
                <a:gd name="T13" fmla="*/ 110 h 2903"/>
                <a:gd name="T14" fmla="*/ 1973 w 2905"/>
                <a:gd name="T15" fmla="*/ 152 h 2903"/>
                <a:gd name="T16" fmla="*/ 1839 w 2905"/>
                <a:gd name="T17" fmla="*/ 201 h 2903"/>
                <a:gd name="T18" fmla="*/ 1709 w 2905"/>
                <a:gd name="T19" fmla="*/ 256 h 2903"/>
                <a:gd name="T20" fmla="*/ 1583 w 2905"/>
                <a:gd name="T21" fmla="*/ 317 h 2903"/>
                <a:gd name="T22" fmla="*/ 1460 w 2905"/>
                <a:gd name="T23" fmla="*/ 385 h 2903"/>
                <a:gd name="T24" fmla="*/ 1339 w 2905"/>
                <a:gd name="T25" fmla="*/ 456 h 2903"/>
                <a:gd name="T26" fmla="*/ 1224 w 2905"/>
                <a:gd name="T27" fmla="*/ 535 h 2903"/>
                <a:gd name="T28" fmla="*/ 1112 w 2905"/>
                <a:gd name="T29" fmla="*/ 619 h 2903"/>
                <a:gd name="T30" fmla="*/ 1004 w 2905"/>
                <a:gd name="T31" fmla="*/ 707 h 2903"/>
                <a:gd name="T32" fmla="*/ 901 w 2905"/>
                <a:gd name="T33" fmla="*/ 800 h 2903"/>
                <a:gd name="T34" fmla="*/ 802 w 2905"/>
                <a:gd name="T35" fmla="*/ 899 h 2903"/>
                <a:gd name="T36" fmla="*/ 709 w 2905"/>
                <a:gd name="T37" fmla="*/ 1004 h 2903"/>
                <a:gd name="T38" fmla="*/ 621 w 2905"/>
                <a:gd name="T39" fmla="*/ 1110 h 2903"/>
                <a:gd name="T40" fmla="*/ 537 w 2905"/>
                <a:gd name="T41" fmla="*/ 1222 h 2903"/>
                <a:gd name="T42" fmla="*/ 458 w 2905"/>
                <a:gd name="T43" fmla="*/ 1339 h 2903"/>
                <a:gd name="T44" fmla="*/ 385 w 2905"/>
                <a:gd name="T45" fmla="*/ 1458 h 2903"/>
                <a:gd name="T46" fmla="*/ 319 w 2905"/>
                <a:gd name="T47" fmla="*/ 1581 h 2903"/>
                <a:gd name="T48" fmla="*/ 257 w 2905"/>
                <a:gd name="T49" fmla="*/ 1709 h 2903"/>
                <a:gd name="T50" fmla="*/ 202 w 2905"/>
                <a:gd name="T51" fmla="*/ 1839 h 2903"/>
                <a:gd name="T52" fmla="*/ 154 w 2905"/>
                <a:gd name="T53" fmla="*/ 1973 h 2903"/>
                <a:gd name="T54" fmla="*/ 112 w 2905"/>
                <a:gd name="T55" fmla="*/ 2108 h 2903"/>
                <a:gd name="T56" fmla="*/ 75 w 2905"/>
                <a:gd name="T57" fmla="*/ 2247 h 2903"/>
                <a:gd name="T58" fmla="*/ 46 w 2905"/>
                <a:gd name="T59" fmla="*/ 2388 h 2903"/>
                <a:gd name="T60" fmla="*/ 24 w 2905"/>
                <a:gd name="T61" fmla="*/ 2533 h 2903"/>
                <a:gd name="T62" fmla="*/ 9 w 2905"/>
                <a:gd name="T63" fmla="*/ 2680 h 2903"/>
                <a:gd name="T64" fmla="*/ 2 w 2905"/>
                <a:gd name="T65" fmla="*/ 2828 h 2903"/>
                <a:gd name="T66" fmla="*/ 1744 w 2905"/>
                <a:gd name="T67" fmla="*/ 2903 h 2903"/>
                <a:gd name="T68" fmla="*/ 1744 w 2905"/>
                <a:gd name="T69" fmla="*/ 2843 h 2903"/>
                <a:gd name="T70" fmla="*/ 1757 w 2905"/>
                <a:gd name="T71" fmla="*/ 2725 h 2903"/>
                <a:gd name="T72" fmla="*/ 1780 w 2905"/>
                <a:gd name="T73" fmla="*/ 2614 h 2903"/>
                <a:gd name="T74" fmla="*/ 1813 w 2905"/>
                <a:gd name="T75" fmla="*/ 2504 h 2903"/>
                <a:gd name="T76" fmla="*/ 1857 w 2905"/>
                <a:gd name="T77" fmla="*/ 2399 h 2903"/>
                <a:gd name="T78" fmla="*/ 1910 w 2905"/>
                <a:gd name="T79" fmla="*/ 2300 h 2903"/>
                <a:gd name="T80" fmla="*/ 1974 w 2905"/>
                <a:gd name="T81" fmla="*/ 2209 h 2903"/>
                <a:gd name="T82" fmla="*/ 2044 w 2905"/>
                <a:gd name="T83" fmla="*/ 2123 h 2903"/>
                <a:gd name="T84" fmla="*/ 2123 w 2905"/>
                <a:gd name="T85" fmla="*/ 2044 h 2903"/>
                <a:gd name="T86" fmla="*/ 2209 w 2905"/>
                <a:gd name="T87" fmla="*/ 1973 h 2903"/>
                <a:gd name="T88" fmla="*/ 2302 w 2905"/>
                <a:gd name="T89" fmla="*/ 1910 h 2903"/>
                <a:gd name="T90" fmla="*/ 2401 w 2905"/>
                <a:gd name="T91" fmla="*/ 1855 h 2903"/>
                <a:gd name="T92" fmla="*/ 2506 w 2905"/>
                <a:gd name="T93" fmla="*/ 1811 h 2903"/>
                <a:gd name="T94" fmla="*/ 2614 w 2905"/>
                <a:gd name="T95" fmla="*/ 1778 h 2903"/>
                <a:gd name="T96" fmla="*/ 2727 w 2905"/>
                <a:gd name="T97" fmla="*/ 1755 h 2903"/>
                <a:gd name="T98" fmla="*/ 2844 w 2905"/>
                <a:gd name="T99" fmla="*/ 1744 h 2903"/>
                <a:gd name="T100" fmla="*/ 2905 w 2905"/>
                <a:gd name="T101" fmla="*/ 1742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2905" y="1742"/>
                  </a:moveTo>
                  <a:lnTo>
                    <a:pt x="2905" y="0"/>
                  </a:lnTo>
                  <a:lnTo>
                    <a:pt x="2905" y="0"/>
                  </a:lnTo>
                  <a:lnTo>
                    <a:pt x="2830" y="0"/>
                  </a:lnTo>
                  <a:lnTo>
                    <a:pt x="2755" y="4"/>
                  </a:lnTo>
                  <a:lnTo>
                    <a:pt x="2681" y="7"/>
                  </a:lnTo>
                  <a:lnTo>
                    <a:pt x="2608" y="15"/>
                  </a:lnTo>
                  <a:lnTo>
                    <a:pt x="2535" y="22"/>
                  </a:lnTo>
                  <a:lnTo>
                    <a:pt x="2462" y="33"/>
                  </a:lnTo>
                  <a:lnTo>
                    <a:pt x="2390" y="44"/>
                  </a:lnTo>
                  <a:lnTo>
                    <a:pt x="2319" y="59"/>
                  </a:lnTo>
                  <a:lnTo>
                    <a:pt x="2249" y="73"/>
                  </a:lnTo>
                  <a:lnTo>
                    <a:pt x="2180" y="92"/>
                  </a:lnTo>
                  <a:lnTo>
                    <a:pt x="2110" y="110"/>
                  </a:lnTo>
                  <a:lnTo>
                    <a:pt x="2040" y="130"/>
                  </a:lnTo>
                  <a:lnTo>
                    <a:pt x="1973" y="152"/>
                  </a:lnTo>
                  <a:lnTo>
                    <a:pt x="1907" y="176"/>
                  </a:lnTo>
                  <a:lnTo>
                    <a:pt x="1839" y="201"/>
                  </a:lnTo>
                  <a:lnTo>
                    <a:pt x="1775" y="227"/>
                  </a:lnTo>
                  <a:lnTo>
                    <a:pt x="1709" y="256"/>
                  </a:lnTo>
                  <a:lnTo>
                    <a:pt x="1645" y="286"/>
                  </a:lnTo>
                  <a:lnTo>
                    <a:pt x="1583" y="317"/>
                  </a:lnTo>
                  <a:lnTo>
                    <a:pt x="1520" y="350"/>
                  </a:lnTo>
                  <a:lnTo>
                    <a:pt x="1460" y="385"/>
                  </a:lnTo>
                  <a:lnTo>
                    <a:pt x="1399" y="419"/>
                  </a:lnTo>
                  <a:lnTo>
                    <a:pt x="1339" y="456"/>
                  </a:lnTo>
                  <a:lnTo>
                    <a:pt x="1280" y="495"/>
                  </a:lnTo>
                  <a:lnTo>
                    <a:pt x="1224" y="535"/>
                  </a:lnTo>
                  <a:lnTo>
                    <a:pt x="1167" y="577"/>
                  </a:lnTo>
                  <a:lnTo>
                    <a:pt x="1112" y="619"/>
                  </a:lnTo>
                  <a:lnTo>
                    <a:pt x="1057" y="663"/>
                  </a:lnTo>
                  <a:lnTo>
                    <a:pt x="1004" y="707"/>
                  </a:lnTo>
                  <a:lnTo>
                    <a:pt x="953" y="755"/>
                  </a:lnTo>
                  <a:lnTo>
                    <a:pt x="901" y="800"/>
                  </a:lnTo>
                  <a:lnTo>
                    <a:pt x="852" y="850"/>
                  </a:lnTo>
                  <a:lnTo>
                    <a:pt x="802" y="899"/>
                  </a:lnTo>
                  <a:lnTo>
                    <a:pt x="755" y="951"/>
                  </a:lnTo>
                  <a:lnTo>
                    <a:pt x="709" y="1004"/>
                  </a:lnTo>
                  <a:lnTo>
                    <a:pt x="663" y="1057"/>
                  </a:lnTo>
                  <a:lnTo>
                    <a:pt x="621" y="1110"/>
                  </a:lnTo>
                  <a:lnTo>
                    <a:pt x="577" y="1165"/>
                  </a:lnTo>
                  <a:lnTo>
                    <a:pt x="537" y="1222"/>
                  </a:lnTo>
                  <a:lnTo>
                    <a:pt x="497" y="1280"/>
                  </a:lnTo>
                  <a:lnTo>
                    <a:pt x="458" y="1339"/>
                  </a:lnTo>
                  <a:lnTo>
                    <a:pt x="422" y="1397"/>
                  </a:lnTo>
                  <a:lnTo>
                    <a:pt x="385" y="1458"/>
                  </a:lnTo>
                  <a:lnTo>
                    <a:pt x="352" y="1518"/>
                  </a:lnTo>
                  <a:lnTo>
                    <a:pt x="319" y="1581"/>
                  </a:lnTo>
                  <a:lnTo>
                    <a:pt x="288" y="1645"/>
                  </a:lnTo>
                  <a:lnTo>
                    <a:pt x="257" y="1709"/>
                  </a:lnTo>
                  <a:lnTo>
                    <a:pt x="229" y="1773"/>
                  </a:lnTo>
                  <a:lnTo>
                    <a:pt x="202" y="1839"/>
                  </a:lnTo>
                  <a:lnTo>
                    <a:pt x="178" y="1905"/>
                  </a:lnTo>
                  <a:lnTo>
                    <a:pt x="154" y="1973"/>
                  </a:lnTo>
                  <a:lnTo>
                    <a:pt x="132" y="2040"/>
                  </a:lnTo>
                  <a:lnTo>
                    <a:pt x="112" y="2108"/>
                  </a:lnTo>
                  <a:lnTo>
                    <a:pt x="92" y="2178"/>
                  </a:lnTo>
                  <a:lnTo>
                    <a:pt x="75" y="2247"/>
                  </a:lnTo>
                  <a:lnTo>
                    <a:pt x="61" y="2319"/>
                  </a:lnTo>
                  <a:lnTo>
                    <a:pt x="46" y="2388"/>
                  </a:lnTo>
                  <a:lnTo>
                    <a:pt x="35" y="2462"/>
                  </a:lnTo>
                  <a:lnTo>
                    <a:pt x="24" y="2533"/>
                  </a:lnTo>
                  <a:lnTo>
                    <a:pt x="17" y="2606"/>
                  </a:lnTo>
                  <a:lnTo>
                    <a:pt x="9" y="2680"/>
                  </a:lnTo>
                  <a:lnTo>
                    <a:pt x="4" y="2753"/>
                  </a:lnTo>
                  <a:lnTo>
                    <a:pt x="2" y="2828"/>
                  </a:lnTo>
                  <a:lnTo>
                    <a:pt x="0" y="2903"/>
                  </a:lnTo>
                  <a:lnTo>
                    <a:pt x="1744" y="2903"/>
                  </a:lnTo>
                  <a:lnTo>
                    <a:pt x="1744" y="2903"/>
                  </a:lnTo>
                  <a:lnTo>
                    <a:pt x="1744" y="2843"/>
                  </a:lnTo>
                  <a:lnTo>
                    <a:pt x="1749" y="2784"/>
                  </a:lnTo>
                  <a:lnTo>
                    <a:pt x="1757" y="2725"/>
                  </a:lnTo>
                  <a:lnTo>
                    <a:pt x="1766" y="2669"/>
                  </a:lnTo>
                  <a:lnTo>
                    <a:pt x="1780" y="2614"/>
                  </a:lnTo>
                  <a:lnTo>
                    <a:pt x="1795" y="2557"/>
                  </a:lnTo>
                  <a:lnTo>
                    <a:pt x="1813" y="2504"/>
                  </a:lnTo>
                  <a:lnTo>
                    <a:pt x="1833" y="2451"/>
                  </a:lnTo>
                  <a:lnTo>
                    <a:pt x="1857" y="2399"/>
                  </a:lnTo>
                  <a:lnTo>
                    <a:pt x="1883" y="2350"/>
                  </a:lnTo>
                  <a:lnTo>
                    <a:pt x="1910" y="2300"/>
                  </a:lnTo>
                  <a:lnTo>
                    <a:pt x="1941" y="2253"/>
                  </a:lnTo>
                  <a:lnTo>
                    <a:pt x="1974" y="2209"/>
                  </a:lnTo>
                  <a:lnTo>
                    <a:pt x="2007" y="2165"/>
                  </a:lnTo>
                  <a:lnTo>
                    <a:pt x="2044" y="2123"/>
                  </a:lnTo>
                  <a:lnTo>
                    <a:pt x="2082" y="2082"/>
                  </a:lnTo>
                  <a:lnTo>
                    <a:pt x="2123" y="2044"/>
                  </a:lnTo>
                  <a:lnTo>
                    <a:pt x="2165" y="2007"/>
                  </a:lnTo>
                  <a:lnTo>
                    <a:pt x="2209" y="1973"/>
                  </a:lnTo>
                  <a:lnTo>
                    <a:pt x="2255" y="1940"/>
                  </a:lnTo>
                  <a:lnTo>
                    <a:pt x="2302" y="1910"/>
                  </a:lnTo>
                  <a:lnTo>
                    <a:pt x="2350" y="1881"/>
                  </a:lnTo>
                  <a:lnTo>
                    <a:pt x="2401" y="1855"/>
                  </a:lnTo>
                  <a:lnTo>
                    <a:pt x="2452" y="1833"/>
                  </a:lnTo>
                  <a:lnTo>
                    <a:pt x="2506" y="1811"/>
                  </a:lnTo>
                  <a:lnTo>
                    <a:pt x="2559" y="1793"/>
                  </a:lnTo>
                  <a:lnTo>
                    <a:pt x="2614" y="1778"/>
                  </a:lnTo>
                  <a:lnTo>
                    <a:pt x="2670" y="1766"/>
                  </a:lnTo>
                  <a:lnTo>
                    <a:pt x="2727" y="1755"/>
                  </a:lnTo>
                  <a:lnTo>
                    <a:pt x="2786" y="1747"/>
                  </a:lnTo>
                  <a:lnTo>
                    <a:pt x="2844" y="1744"/>
                  </a:lnTo>
                  <a:lnTo>
                    <a:pt x="2905" y="1742"/>
                  </a:lnTo>
                  <a:lnTo>
                    <a:pt x="2905" y="1742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23" name="Freeform: Shape 14"/>
            <p:cNvSpPr/>
            <p:nvPr/>
          </p:nvSpPr>
          <p:spPr bwMode="auto">
            <a:xfrm>
              <a:off x="7200800" y="2169467"/>
              <a:ext cx="1575298" cy="1575295"/>
            </a:xfrm>
            <a:custGeom>
              <a:avLst/>
              <a:gdLst>
                <a:gd name="T0" fmla="*/ 0 w 2902"/>
                <a:gd name="T1" fmla="*/ 1742 h 2903"/>
                <a:gd name="T2" fmla="*/ 58 w 2902"/>
                <a:gd name="T3" fmla="*/ 1744 h 2903"/>
                <a:gd name="T4" fmla="*/ 176 w 2902"/>
                <a:gd name="T5" fmla="*/ 1755 h 2903"/>
                <a:gd name="T6" fmla="*/ 289 w 2902"/>
                <a:gd name="T7" fmla="*/ 1778 h 2903"/>
                <a:gd name="T8" fmla="*/ 399 w 2902"/>
                <a:gd name="T9" fmla="*/ 1811 h 2903"/>
                <a:gd name="T10" fmla="*/ 503 w 2902"/>
                <a:gd name="T11" fmla="*/ 1855 h 2903"/>
                <a:gd name="T12" fmla="*/ 602 w 2902"/>
                <a:gd name="T13" fmla="*/ 1910 h 2903"/>
                <a:gd name="T14" fmla="*/ 694 w 2902"/>
                <a:gd name="T15" fmla="*/ 1973 h 2903"/>
                <a:gd name="T16" fmla="*/ 780 w 2902"/>
                <a:gd name="T17" fmla="*/ 2044 h 2903"/>
                <a:gd name="T18" fmla="*/ 859 w 2902"/>
                <a:gd name="T19" fmla="*/ 2123 h 2903"/>
                <a:gd name="T20" fmla="*/ 930 w 2902"/>
                <a:gd name="T21" fmla="*/ 2209 h 2903"/>
                <a:gd name="T22" fmla="*/ 992 w 2902"/>
                <a:gd name="T23" fmla="*/ 2300 h 2903"/>
                <a:gd name="T24" fmla="*/ 1045 w 2902"/>
                <a:gd name="T25" fmla="*/ 2399 h 2903"/>
                <a:gd name="T26" fmla="*/ 1089 w 2902"/>
                <a:gd name="T27" fmla="*/ 2504 h 2903"/>
                <a:gd name="T28" fmla="*/ 1124 w 2902"/>
                <a:gd name="T29" fmla="*/ 2614 h 2903"/>
                <a:gd name="T30" fmla="*/ 1148 w 2902"/>
                <a:gd name="T31" fmla="*/ 2725 h 2903"/>
                <a:gd name="T32" fmla="*/ 1159 w 2902"/>
                <a:gd name="T33" fmla="*/ 2843 h 2903"/>
                <a:gd name="T34" fmla="*/ 2902 w 2902"/>
                <a:gd name="T35" fmla="*/ 2903 h 2903"/>
                <a:gd name="T36" fmla="*/ 2900 w 2902"/>
                <a:gd name="T37" fmla="*/ 2828 h 2903"/>
                <a:gd name="T38" fmla="*/ 2893 w 2902"/>
                <a:gd name="T39" fmla="*/ 2680 h 2903"/>
                <a:gd name="T40" fmla="*/ 2879 w 2902"/>
                <a:gd name="T41" fmla="*/ 2533 h 2903"/>
                <a:gd name="T42" fmla="*/ 2857 w 2902"/>
                <a:gd name="T43" fmla="*/ 2388 h 2903"/>
                <a:gd name="T44" fmla="*/ 2827 w 2902"/>
                <a:gd name="T45" fmla="*/ 2247 h 2903"/>
                <a:gd name="T46" fmla="*/ 2792 w 2902"/>
                <a:gd name="T47" fmla="*/ 2108 h 2903"/>
                <a:gd name="T48" fmla="*/ 2750 w 2902"/>
                <a:gd name="T49" fmla="*/ 1973 h 2903"/>
                <a:gd name="T50" fmla="*/ 2701 w 2902"/>
                <a:gd name="T51" fmla="*/ 1839 h 2903"/>
                <a:gd name="T52" fmla="*/ 2646 w 2902"/>
                <a:gd name="T53" fmla="*/ 1709 h 2903"/>
                <a:gd name="T54" fmla="*/ 2586 w 2902"/>
                <a:gd name="T55" fmla="*/ 1581 h 2903"/>
                <a:gd name="T56" fmla="*/ 2518 w 2902"/>
                <a:gd name="T57" fmla="*/ 1458 h 2903"/>
                <a:gd name="T58" fmla="*/ 2445 w 2902"/>
                <a:gd name="T59" fmla="*/ 1339 h 2903"/>
                <a:gd name="T60" fmla="*/ 2368 w 2902"/>
                <a:gd name="T61" fmla="*/ 1222 h 2903"/>
                <a:gd name="T62" fmla="*/ 2283 w 2902"/>
                <a:gd name="T63" fmla="*/ 1110 h 2903"/>
                <a:gd name="T64" fmla="*/ 2194 w 2902"/>
                <a:gd name="T65" fmla="*/ 1004 h 2903"/>
                <a:gd name="T66" fmla="*/ 2100 w 2902"/>
                <a:gd name="T67" fmla="*/ 899 h 2903"/>
                <a:gd name="T68" fmla="*/ 2001 w 2902"/>
                <a:gd name="T69" fmla="*/ 800 h 2903"/>
                <a:gd name="T70" fmla="*/ 1899 w 2902"/>
                <a:gd name="T71" fmla="*/ 707 h 2903"/>
                <a:gd name="T72" fmla="*/ 1791 w 2902"/>
                <a:gd name="T73" fmla="*/ 619 h 2903"/>
                <a:gd name="T74" fmla="*/ 1679 w 2902"/>
                <a:gd name="T75" fmla="*/ 535 h 2903"/>
                <a:gd name="T76" fmla="*/ 1564 w 2902"/>
                <a:gd name="T77" fmla="*/ 456 h 2903"/>
                <a:gd name="T78" fmla="*/ 1445 w 2902"/>
                <a:gd name="T79" fmla="*/ 385 h 2903"/>
                <a:gd name="T80" fmla="*/ 1320 w 2902"/>
                <a:gd name="T81" fmla="*/ 317 h 2903"/>
                <a:gd name="T82" fmla="*/ 1194 w 2902"/>
                <a:gd name="T83" fmla="*/ 256 h 2903"/>
                <a:gd name="T84" fmla="*/ 1064 w 2902"/>
                <a:gd name="T85" fmla="*/ 201 h 2903"/>
                <a:gd name="T86" fmla="*/ 930 w 2902"/>
                <a:gd name="T87" fmla="*/ 152 h 2903"/>
                <a:gd name="T88" fmla="*/ 795 w 2902"/>
                <a:gd name="T89" fmla="*/ 110 h 2903"/>
                <a:gd name="T90" fmla="*/ 655 w 2902"/>
                <a:gd name="T91" fmla="*/ 73 h 2903"/>
                <a:gd name="T92" fmla="*/ 512 w 2902"/>
                <a:gd name="T93" fmla="*/ 44 h 2903"/>
                <a:gd name="T94" fmla="*/ 370 w 2902"/>
                <a:gd name="T95" fmla="*/ 22 h 2903"/>
                <a:gd name="T96" fmla="*/ 223 w 2902"/>
                <a:gd name="T97" fmla="*/ 7 h 2903"/>
                <a:gd name="T98" fmla="*/ 75 w 2902"/>
                <a:gd name="T99" fmla="*/ 0 h 2903"/>
                <a:gd name="T100" fmla="*/ 0 w 2902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0" y="0"/>
                  </a:moveTo>
                  <a:lnTo>
                    <a:pt x="0" y="1742"/>
                  </a:lnTo>
                  <a:lnTo>
                    <a:pt x="0" y="1742"/>
                  </a:lnTo>
                  <a:lnTo>
                    <a:pt x="58" y="1744"/>
                  </a:lnTo>
                  <a:lnTo>
                    <a:pt x="119" y="1747"/>
                  </a:lnTo>
                  <a:lnTo>
                    <a:pt x="176" y="1755"/>
                  </a:lnTo>
                  <a:lnTo>
                    <a:pt x="232" y="1766"/>
                  </a:lnTo>
                  <a:lnTo>
                    <a:pt x="289" y="1778"/>
                  </a:lnTo>
                  <a:lnTo>
                    <a:pt x="344" y="1793"/>
                  </a:lnTo>
                  <a:lnTo>
                    <a:pt x="399" y="1811"/>
                  </a:lnTo>
                  <a:lnTo>
                    <a:pt x="452" y="1833"/>
                  </a:lnTo>
                  <a:lnTo>
                    <a:pt x="503" y="1855"/>
                  </a:lnTo>
                  <a:lnTo>
                    <a:pt x="553" y="1881"/>
                  </a:lnTo>
                  <a:lnTo>
                    <a:pt x="602" y="1910"/>
                  </a:lnTo>
                  <a:lnTo>
                    <a:pt x="648" y="1940"/>
                  </a:lnTo>
                  <a:lnTo>
                    <a:pt x="694" y="1973"/>
                  </a:lnTo>
                  <a:lnTo>
                    <a:pt x="738" y="2007"/>
                  </a:lnTo>
                  <a:lnTo>
                    <a:pt x="780" y="2044"/>
                  </a:lnTo>
                  <a:lnTo>
                    <a:pt x="820" y="2082"/>
                  </a:lnTo>
                  <a:lnTo>
                    <a:pt x="859" y="2123"/>
                  </a:lnTo>
                  <a:lnTo>
                    <a:pt x="895" y="2165"/>
                  </a:lnTo>
                  <a:lnTo>
                    <a:pt x="930" y="2209"/>
                  </a:lnTo>
                  <a:lnTo>
                    <a:pt x="963" y="2253"/>
                  </a:lnTo>
                  <a:lnTo>
                    <a:pt x="992" y="2300"/>
                  </a:lnTo>
                  <a:lnTo>
                    <a:pt x="1020" y="2350"/>
                  </a:lnTo>
                  <a:lnTo>
                    <a:pt x="1045" y="2399"/>
                  </a:lnTo>
                  <a:lnTo>
                    <a:pt x="1069" y="2451"/>
                  </a:lnTo>
                  <a:lnTo>
                    <a:pt x="1089" y="2504"/>
                  </a:lnTo>
                  <a:lnTo>
                    <a:pt x="1108" y="2557"/>
                  </a:lnTo>
                  <a:lnTo>
                    <a:pt x="1124" y="2614"/>
                  </a:lnTo>
                  <a:lnTo>
                    <a:pt x="1137" y="2669"/>
                  </a:lnTo>
                  <a:lnTo>
                    <a:pt x="1148" y="2725"/>
                  </a:lnTo>
                  <a:lnTo>
                    <a:pt x="1155" y="2784"/>
                  </a:lnTo>
                  <a:lnTo>
                    <a:pt x="1159" y="2843"/>
                  </a:lnTo>
                  <a:lnTo>
                    <a:pt x="1161" y="2903"/>
                  </a:lnTo>
                  <a:lnTo>
                    <a:pt x="2902" y="2903"/>
                  </a:lnTo>
                  <a:lnTo>
                    <a:pt x="2902" y="2903"/>
                  </a:lnTo>
                  <a:lnTo>
                    <a:pt x="2900" y="2828"/>
                  </a:lnTo>
                  <a:lnTo>
                    <a:pt x="2899" y="2753"/>
                  </a:lnTo>
                  <a:lnTo>
                    <a:pt x="2893" y="2680"/>
                  </a:lnTo>
                  <a:lnTo>
                    <a:pt x="2888" y="2606"/>
                  </a:lnTo>
                  <a:lnTo>
                    <a:pt x="2879" y="2533"/>
                  </a:lnTo>
                  <a:lnTo>
                    <a:pt x="2869" y="2462"/>
                  </a:lnTo>
                  <a:lnTo>
                    <a:pt x="2857" y="2388"/>
                  </a:lnTo>
                  <a:lnTo>
                    <a:pt x="2844" y="2319"/>
                  </a:lnTo>
                  <a:lnTo>
                    <a:pt x="2827" y="2247"/>
                  </a:lnTo>
                  <a:lnTo>
                    <a:pt x="2811" y="2178"/>
                  </a:lnTo>
                  <a:lnTo>
                    <a:pt x="2792" y="2108"/>
                  </a:lnTo>
                  <a:lnTo>
                    <a:pt x="2772" y="2040"/>
                  </a:lnTo>
                  <a:lnTo>
                    <a:pt x="2750" y="1973"/>
                  </a:lnTo>
                  <a:lnTo>
                    <a:pt x="2727" y="1905"/>
                  </a:lnTo>
                  <a:lnTo>
                    <a:pt x="2701" y="1839"/>
                  </a:lnTo>
                  <a:lnTo>
                    <a:pt x="2673" y="1773"/>
                  </a:lnTo>
                  <a:lnTo>
                    <a:pt x="2646" y="1709"/>
                  </a:lnTo>
                  <a:lnTo>
                    <a:pt x="2617" y="1645"/>
                  </a:lnTo>
                  <a:lnTo>
                    <a:pt x="2586" y="1581"/>
                  </a:lnTo>
                  <a:lnTo>
                    <a:pt x="2553" y="1518"/>
                  </a:lnTo>
                  <a:lnTo>
                    <a:pt x="2518" y="1458"/>
                  </a:lnTo>
                  <a:lnTo>
                    <a:pt x="2481" y="1397"/>
                  </a:lnTo>
                  <a:lnTo>
                    <a:pt x="2445" y="1339"/>
                  </a:lnTo>
                  <a:lnTo>
                    <a:pt x="2406" y="1280"/>
                  </a:lnTo>
                  <a:lnTo>
                    <a:pt x="2368" y="1222"/>
                  </a:lnTo>
                  <a:lnTo>
                    <a:pt x="2325" y="1165"/>
                  </a:lnTo>
                  <a:lnTo>
                    <a:pt x="2283" y="1110"/>
                  </a:lnTo>
                  <a:lnTo>
                    <a:pt x="2239" y="1057"/>
                  </a:lnTo>
                  <a:lnTo>
                    <a:pt x="2194" y="1004"/>
                  </a:lnTo>
                  <a:lnTo>
                    <a:pt x="2148" y="951"/>
                  </a:lnTo>
                  <a:lnTo>
                    <a:pt x="2100" y="899"/>
                  </a:lnTo>
                  <a:lnTo>
                    <a:pt x="2053" y="850"/>
                  </a:lnTo>
                  <a:lnTo>
                    <a:pt x="2001" y="800"/>
                  </a:lnTo>
                  <a:lnTo>
                    <a:pt x="1952" y="755"/>
                  </a:lnTo>
                  <a:lnTo>
                    <a:pt x="1899" y="707"/>
                  </a:lnTo>
                  <a:lnTo>
                    <a:pt x="1846" y="663"/>
                  </a:lnTo>
                  <a:lnTo>
                    <a:pt x="1791" y="619"/>
                  </a:lnTo>
                  <a:lnTo>
                    <a:pt x="1736" y="577"/>
                  </a:lnTo>
                  <a:lnTo>
                    <a:pt x="1679" y="535"/>
                  </a:lnTo>
                  <a:lnTo>
                    <a:pt x="1622" y="495"/>
                  </a:lnTo>
                  <a:lnTo>
                    <a:pt x="1564" y="456"/>
                  </a:lnTo>
                  <a:lnTo>
                    <a:pt x="1505" y="419"/>
                  </a:lnTo>
                  <a:lnTo>
                    <a:pt x="1445" y="385"/>
                  </a:lnTo>
                  <a:lnTo>
                    <a:pt x="1382" y="350"/>
                  </a:lnTo>
                  <a:lnTo>
                    <a:pt x="1320" y="317"/>
                  </a:lnTo>
                  <a:lnTo>
                    <a:pt x="1258" y="286"/>
                  </a:lnTo>
                  <a:lnTo>
                    <a:pt x="1194" y="256"/>
                  </a:lnTo>
                  <a:lnTo>
                    <a:pt x="1130" y="227"/>
                  </a:lnTo>
                  <a:lnTo>
                    <a:pt x="1064" y="201"/>
                  </a:lnTo>
                  <a:lnTo>
                    <a:pt x="998" y="176"/>
                  </a:lnTo>
                  <a:lnTo>
                    <a:pt x="930" y="152"/>
                  </a:lnTo>
                  <a:lnTo>
                    <a:pt x="862" y="130"/>
                  </a:lnTo>
                  <a:lnTo>
                    <a:pt x="795" y="110"/>
                  </a:lnTo>
                  <a:lnTo>
                    <a:pt x="725" y="92"/>
                  </a:lnTo>
                  <a:lnTo>
                    <a:pt x="655" y="73"/>
                  </a:lnTo>
                  <a:lnTo>
                    <a:pt x="584" y="59"/>
                  </a:lnTo>
                  <a:lnTo>
                    <a:pt x="512" y="44"/>
                  </a:lnTo>
                  <a:lnTo>
                    <a:pt x="441" y="33"/>
                  </a:lnTo>
                  <a:lnTo>
                    <a:pt x="370" y="22"/>
                  </a:lnTo>
                  <a:lnTo>
                    <a:pt x="296" y="15"/>
                  </a:lnTo>
                  <a:lnTo>
                    <a:pt x="223" y="7"/>
                  </a:lnTo>
                  <a:lnTo>
                    <a:pt x="148" y="4"/>
                  </a:lnTo>
                  <a:lnTo>
                    <a:pt x="75" y="0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24" name="Freeform: Shape 15"/>
            <p:cNvSpPr/>
            <p:nvPr/>
          </p:nvSpPr>
          <p:spPr bwMode="auto">
            <a:xfrm>
              <a:off x="7200800" y="3744762"/>
              <a:ext cx="1575298" cy="1574212"/>
            </a:xfrm>
            <a:custGeom>
              <a:avLst/>
              <a:gdLst>
                <a:gd name="T0" fmla="*/ 0 w 2902"/>
                <a:gd name="T1" fmla="*/ 2903 h 2903"/>
                <a:gd name="T2" fmla="*/ 75 w 2902"/>
                <a:gd name="T3" fmla="*/ 2903 h 2903"/>
                <a:gd name="T4" fmla="*/ 223 w 2902"/>
                <a:gd name="T5" fmla="*/ 2896 h 2903"/>
                <a:gd name="T6" fmla="*/ 370 w 2902"/>
                <a:gd name="T7" fmla="*/ 2881 h 2903"/>
                <a:gd name="T8" fmla="*/ 512 w 2902"/>
                <a:gd name="T9" fmla="*/ 2859 h 2903"/>
                <a:gd name="T10" fmla="*/ 655 w 2902"/>
                <a:gd name="T11" fmla="*/ 2830 h 2903"/>
                <a:gd name="T12" fmla="*/ 795 w 2902"/>
                <a:gd name="T13" fmla="*/ 2793 h 2903"/>
                <a:gd name="T14" fmla="*/ 930 w 2902"/>
                <a:gd name="T15" fmla="*/ 2751 h 2903"/>
                <a:gd name="T16" fmla="*/ 1064 w 2902"/>
                <a:gd name="T17" fmla="*/ 2702 h 2903"/>
                <a:gd name="T18" fmla="*/ 1194 w 2902"/>
                <a:gd name="T19" fmla="*/ 2647 h 2903"/>
                <a:gd name="T20" fmla="*/ 1320 w 2902"/>
                <a:gd name="T21" fmla="*/ 2586 h 2903"/>
                <a:gd name="T22" fmla="*/ 1445 w 2902"/>
                <a:gd name="T23" fmla="*/ 2518 h 2903"/>
                <a:gd name="T24" fmla="*/ 1564 w 2902"/>
                <a:gd name="T25" fmla="*/ 2447 h 2903"/>
                <a:gd name="T26" fmla="*/ 1679 w 2902"/>
                <a:gd name="T27" fmla="*/ 2368 h 2903"/>
                <a:gd name="T28" fmla="*/ 1791 w 2902"/>
                <a:gd name="T29" fmla="*/ 2284 h 2903"/>
                <a:gd name="T30" fmla="*/ 1899 w 2902"/>
                <a:gd name="T31" fmla="*/ 2196 h 2903"/>
                <a:gd name="T32" fmla="*/ 2001 w 2902"/>
                <a:gd name="T33" fmla="*/ 2103 h 2903"/>
                <a:gd name="T34" fmla="*/ 2100 w 2902"/>
                <a:gd name="T35" fmla="*/ 2004 h 2903"/>
                <a:gd name="T36" fmla="*/ 2194 w 2902"/>
                <a:gd name="T37" fmla="*/ 1899 h 2903"/>
                <a:gd name="T38" fmla="*/ 2283 w 2902"/>
                <a:gd name="T39" fmla="*/ 1793 h 2903"/>
                <a:gd name="T40" fmla="*/ 2368 w 2902"/>
                <a:gd name="T41" fmla="*/ 1681 h 2903"/>
                <a:gd name="T42" fmla="*/ 2445 w 2902"/>
                <a:gd name="T43" fmla="*/ 1564 h 2903"/>
                <a:gd name="T44" fmla="*/ 2518 w 2902"/>
                <a:gd name="T45" fmla="*/ 1445 h 2903"/>
                <a:gd name="T46" fmla="*/ 2586 w 2902"/>
                <a:gd name="T47" fmla="*/ 1322 h 2903"/>
                <a:gd name="T48" fmla="*/ 2646 w 2902"/>
                <a:gd name="T49" fmla="*/ 1194 h 2903"/>
                <a:gd name="T50" fmla="*/ 2701 w 2902"/>
                <a:gd name="T51" fmla="*/ 1064 h 2903"/>
                <a:gd name="T52" fmla="*/ 2750 w 2902"/>
                <a:gd name="T53" fmla="*/ 930 h 2903"/>
                <a:gd name="T54" fmla="*/ 2792 w 2902"/>
                <a:gd name="T55" fmla="*/ 795 h 2903"/>
                <a:gd name="T56" fmla="*/ 2827 w 2902"/>
                <a:gd name="T57" fmla="*/ 656 h 2903"/>
                <a:gd name="T58" fmla="*/ 2857 w 2902"/>
                <a:gd name="T59" fmla="*/ 515 h 2903"/>
                <a:gd name="T60" fmla="*/ 2879 w 2902"/>
                <a:gd name="T61" fmla="*/ 370 h 2903"/>
                <a:gd name="T62" fmla="*/ 2893 w 2902"/>
                <a:gd name="T63" fmla="*/ 223 h 2903"/>
                <a:gd name="T64" fmla="*/ 2900 w 2902"/>
                <a:gd name="T65" fmla="*/ 75 h 2903"/>
                <a:gd name="T66" fmla="*/ 1161 w 2902"/>
                <a:gd name="T67" fmla="*/ 0 h 2903"/>
                <a:gd name="T68" fmla="*/ 1159 w 2902"/>
                <a:gd name="T69" fmla="*/ 60 h 2903"/>
                <a:gd name="T70" fmla="*/ 1148 w 2902"/>
                <a:gd name="T71" fmla="*/ 178 h 2903"/>
                <a:gd name="T72" fmla="*/ 1124 w 2902"/>
                <a:gd name="T73" fmla="*/ 289 h 2903"/>
                <a:gd name="T74" fmla="*/ 1089 w 2902"/>
                <a:gd name="T75" fmla="*/ 399 h 2903"/>
                <a:gd name="T76" fmla="*/ 1045 w 2902"/>
                <a:gd name="T77" fmla="*/ 504 h 2903"/>
                <a:gd name="T78" fmla="*/ 992 w 2902"/>
                <a:gd name="T79" fmla="*/ 603 h 2903"/>
                <a:gd name="T80" fmla="*/ 930 w 2902"/>
                <a:gd name="T81" fmla="*/ 694 h 2903"/>
                <a:gd name="T82" fmla="*/ 859 w 2902"/>
                <a:gd name="T83" fmla="*/ 780 h 2903"/>
                <a:gd name="T84" fmla="*/ 780 w 2902"/>
                <a:gd name="T85" fmla="*/ 859 h 2903"/>
                <a:gd name="T86" fmla="*/ 694 w 2902"/>
                <a:gd name="T87" fmla="*/ 930 h 2903"/>
                <a:gd name="T88" fmla="*/ 602 w 2902"/>
                <a:gd name="T89" fmla="*/ 993 h 2903"/>
                <a:gd name="T90" fmla="*/ 503 w 2902"/>
                <a:gd name="T91" fmla="*/ 1048 h 2903"/>
                <a:gd name="T92" fmla="*/ 399 w 2902"/>
                <a:gd name="T93" fmla="*/ 1092 h 2903"/>
                <a:gd name="T94" fmla="*/ 289 w 2902"/>
                <a:gd name="T95" fmla="*/ 1125 h 2903"/>
                <a:gd name="T96" fmla="*/ 176 w 2902"/>
                <a:gd name="T97" fmla="*/ 1148 h 2903"/>
                <a:gd name="T98" fmla="*/ 58 w 2902"/>
                <a:gd name="T99" fmla="*/ 1159 h 2903"/>
                <a:gd name="T100" fmla="*/ 0 w 2902"/>
                <a:gd name="T101" fmla="*/ 1161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0" y="1161"/>
                  </a:moveTo>
                  <a:lnTo>
                    <a:pt x="0" y="2903"/>
                  </a:lnTo>
                  <a:lnTo>
                    <a:pt x="0" y="2903"/>
                  </a:lnTo>
                  <a:lnTo>
                    <a:pt x="75" y="2903"/>
                  </a:lnTo>
                  <a:lnTo>
                    <a:pt x="148" y="2899"/>
                  </a:lnTo>
                  <a:lnTo>
                    <a:pt x="223" y="2896"/>
                  </a:lnTo>
                  <a:lnTo>
                    <a:pt x="296" y="2888"/>
                  </a:lnTo>
                  <a:lnTo>
                    <a:pt x="370" y="2881"/>
                  </a:lnTo>
                  <a:lnTo>
                    <a:pt x="441" y="2870"/>
                  </a:lnTo>
                  <a:lnTo>
                    <a:pt x="512" y="2859"/>
                  </a:lnTo>
                  <a:lnTo>
                    <a:pt x="584" y="2844"/>
                  </a:lnTo>
                  <a:lnTo>
                    <a:pt x="655" y="2830"/>
                  </a:lnTo>
                  <a:lnTo>
                    <a:pt x="725" y="2811"/>
                  </a:lnTo>
                  <a:lnTo>
                    <a:pt x="795" y="2793"/>
                  </a:lnTo>
                  <a:lnTo>
                    <a:pt x="862" y="2773"/>
                  </a:lnTo>
                  <a:lnTo>
                    <a:pt x="930" y="2751"/>
                  </a:lnTo>
                  <a:lnTo>
                    <a:pt x="998" y="2727"/>
                  </a:lnTo>
                  <a:lnTo>
                    <a:pt x="1064" y="2702"/>
                  </a:lnTo>
                  <a:lnTo>
                    <a:pt x="1130" y="2676"/>
                  </a:lnTo>
                  <a:lnTo>
                    <a:pt x="1194" y="2647"/>
                  </a:lnTo>
                  <a:lnTo>
                    <a:pt x="1258" y="2617"/>
                  </a:lnTo>
                  <a:lnTo>
                    <a:pt x="1320" y="2586"/>
                  </a:lnTo>
                  <a:lnTo>
                    <a:pt x="1382" y="2553"/>
                  </a:lnTo>
                  <a:lnTo>
                    <a:pt x="1445" y="2518"/>
                  </a:lnTo>
                  <a:lnTo>
                    <a:pt x="1505" y="2484"/>
                  </a:lnTo>
                  <a:lnTo>
                    <a:pt x="1564" y="2447"/>
                  </a:lnTo>
                  <a:lnTo>
                    <a:pt x="1622" y="2408"/>
                  </a:lnTo>
                  <a:lnTo>
                    <a:pt x="1679" y="2368"/>
                  </a:lnTo>
                  <a:lnTo>
                    <a:pt x="1736" y="2326"/>
                  </a:lnTo>
                  <a:lnTo>
                    <a:pt x="1791" y="2284"/>
                  </a:lnTo>
                  <a:lnTo>
                    <a:pt x="1846" y="2240"/>
                  </a:lnTo>
                  <a:lnTo>
                    <a:pt x="1899" y="2196"/>
                  </a:lnTo>
                  <a:lnTo>
                    <a:pt x="1952" y="2148"/>
                  </a:lnTo>
                  <a:lnTo>
                    <a:pt x="2001" y="2103"/>
                  </a:lnTo>
                  <a:lnTo>
                    <a:pt x="2053" y="2053"/>
                  </a:lnTo>
                  <a:lnTo>
                    <a:pt x="2100" y="2004"/>
                  </a:lnTo>
                  <a:lnTo>
                    <a:pt x="2148" y="1952"/>
                  </a:lnTo>
                  <a:lnTo>
                    <a:pt x="2194" y="1899"/>
                  </a:lnTo>
                  <a:lnTo>
                    <a:pt x="2239" y="1846"/>
                  </a:lnTo>
                  <a:lnTo>
                    <a:pt x="2283" y="1793"/>
                  </a:lnTo>
                  <a:lnTo>
                    <a:pt x="2325" y="1738"/>
                  </a:lnTo>
                  <a:lnTo>
                    <a:pt x="2368" y="1681"/>
                  </a:lnTo>
                  <a:lnTo>
                    <a:pt x="2406" y="1623"/>
                  </a:lnTo>
                  <a:lnTo>
                    <a:pt x="2445" y="1564"/>
                  </a:lnTo>
                  <a:lnTo>
                    <a:pt x="2481" y="1506"/>
                  </a:lnTo>
                  <a:lnTo>
                    <a:pt x="2518" y="1445"/>
                  </a:lnTo>
                  <a:lnTo>
                    <a:pt x="2553" y="1385"/>
                  </a:lnTo>
                  <a:lnTo>
                    <a:pt x="2586" y="1322"/>
                  </a:lnTo>
                  <a:lnTo>
                    <a:pt x="2617" y="1258"/>
                  </a:lnTo>
                  <a:lnTo>
                    <a:pt x="2646" y="1194"/>
                  </a:lnTo>
                  <a:lnTo>
                    <a:pt x="2673" y="1130"/>
                  </a:lnTo>
                  <a:lnTo>
                    <a:pt x="2701" y="1064"/>
                  </a:lnTo>
                  <a:lnTo>
                    <a:pt x="2727" y="998"/>
                  </a:lnTo>
                  <a:lnTo>
                    <a:pt x="2750" y="930"/>
                  </a:lnTo>
                  <a:lnTo>
                    <a:pt x="2772" y="863"/>
                  </a:lnTo>
                  <a:lnTo>
                    <a:pt x="2792" y="795"/>
                  </a:lnTo>
                  <a:lnTo>
                    <a:pt x="2811" y="725"/>
                  </a:lnTo>
                  <a:lnTo>
                    <a:pt x="2827" y="656"/>
                  </a:lnTo>
                  <a:lnTo>
                    <a:pt x="2844" y="584"/>
                  </a:lnTo>
                  <a:lnTo>
                    <a:pt x="2857" y="515"/>
                  </a:lnTo>
                  <a:lnTo>
                    <a:pt x="2869" y="441"/>
                  </a:lnTo>
                  <a:lnTo>
                    <a:pt x="2879" y="370"/>
                  </a:lnTo>
                  <a:lnTo>
                    <a:pt x="2888" y="297"/>
                  </a:lnTo>
                  <a:lnTo>
                    <a:pt x="2893" y="223"/>
                  </a:lnTo>
                  <a:lnTo>
                    <a:pt x="2899" y="150"/>
                  </a:lnTo>
                  <a:lnTo>
                    <a:pt x="2900" y="75"/>
                  </a:lnTo>
                  <a:lnTo>
                    <a:pt x="2902" y="0"/>
                  </a:lnTo>
                  <a:lnTo>
                    <a:pt x="1161" y="0"/>
                  </a:lnTo>
                  <a:lnTo>
                    <a:pt x="1161" y="0"/>
                  </a:lnTo>
                  <a:lnTo>
                    <a:pt x="1159" y="60"/>
                  </a:lnTo>
                  <a:lnTo>
                    <a:pt x="1155" y="119"/>
                  </a:lnTo>
                  <a:lnTo>
                    <a:pt x="1148" y="178"/>
                  </a:lnTo>
                  <a:lnTo>
                    <a:pt x="1137" y="234"/>
                  </a:lnTo>
                  <a:lnTo>
                    <a:pt x="1124" y="289"/>
                  </a:lnTo>
                  <a:lnTo>
                    <a:pt x="1108" y="346"/>
                  </a:lnTo>
                  <a:lnTo>
                    <a:pt x="1089" y="399"/>
                  </a:lnTo>
                  <a:lnTo>
                    <a:pt x="1069" y="452"/>
                  </a:lnTo>
                  <a:lnTo>
                    <a:pt x="1045" y="504"/>
                  </a:lnTo>
                  <a:lnTo>
                    <a:pt x="1020" y="553"/>
                  </a:lnTo>
                  <a:lnTo>
                    <a:pt x="992" y="603"/>
                  </a:lnTo>
                  <a:lnTo>
                    <a:pt x="963" y="650"/>
                  </a:lnTo>
                  <a:lnTo>
                    <a:pt x="930" y="694"/>
                  </a:lnTo>
                  <a:lnTo>
                    <a:pt x="895" y="738"/>
                  </a:lnTo>
                  <a:lnTo>
                    <a:pt x="859" y="780"/>
                  </a:lnTo>
                  <a:lnTo>
                    <a:pt x="820" y="821"/>
                  </a:lnTo>
                  <a:lnTo>
                    <a:pt x="780" y="859"/>
                  </a:lnTo>
                  <a:lnTo>
                    <a:pt x="738" y="896"/>
                  </a:lnTo>
                  <a:lnTo>
                    <a:pt x="694" y="930"/>
                  </a:lnTo>
                  <a:lnTo>
                    <a:pt x="648" y="963"/>
                  </a:lnTo>
                  <a:lnTo>
                    <a:pt x="602" y="993"/>
                  </a:lnTo>
                  <a:lnTo>
                    <a:pt x="553" y="1022"/>
                  </a:lnTo>
                  <a:lnTo>
                    <a:pt x="503" y="1048"/>
                  </a:lnTo>
                  <a:lnTo>
                    <a:pt x="452" y="1070"/>
                  </a:lnTo>
                  <a:lnTo>
                    <a:pt x="399" y="1092"/>
                  </a:lnTo>
                  <a:lnTo>
                    <a:pt x="344" y="1110"/>
                  </a:lnTo>
                  <a:lnTo>
                    <a:pt x="289" y="1125"/>
                  </a:lnTo>
                  <a:lnTo>
                    <a:pt x="232" y="1137"/>
                  </a:lnTo>
                  <a:lnTo>
                    <a:pt x="176" y="1148"/>
                  </a:lnTo>
                  <a:lnTo>
                    <a:pt x="119" y="1156"/>
                  </a:lnTo>
                  <a:lnTo>
                    <a:pt x="58" y="1159"/>
                  </a:lnTo>
                  <a:lnTo>
                    <a:pt x="0" y="1161"/>
                  </a:lnTo>
                  <a:lnTo>
                    <a:pt x="0" y="1161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25" name="Freeform: Shape 16"/>
            <p:cNvSpPr/>
            <p:nvPr/>
          </p:nvSpPr>
          <p:spPr bwMode="auto">
            <a:xfrm>
              <a:off x="3420954" y="2169467"/>
              <a:ext cx="1575298" cy="1575295"/>
            </a:xfrm>
            <a:custGeom>
              <a:avLst/>
              <a:gdLst>
                <a:gd name="T0" fmla="*/ 2902 w 2902"/>
                <a:gd name="T1" fmla="*/ 0 h 2903"/>
                <a:gd name="T2" fmla="*/ 2827 w 2902"/>
                <a:gd name="T3" fmla="*/ 0 h 2903"/>
                <a:gd name="T4" fmla="*/ 2679 w 2902"/>
                <a:gd name="T5" fmla="*/ 7 h 2903"/>
                <a:gd name="T6" fmla="*/ 2532 w 2902"/>
                <a:gd name="T7" fmla="*/ 22 h 2903"/>
                <a:gd name="T8" fmla="*/ 2390 w 2902"/>
                <a:gd name="T9" fmla="*/ 44 h 2903"/>
                <a:gd name="T10" fmla="*/ 2247 w 2902"/>
                <a:gd name="T11" fmla="*/ 73 h 2903"/>
                <a:gd name="T12" fmla="*/ 2107 w 2902"/>
                <a:gd name="T13" fmla="*/ 110 h 2903"/>
                <a:gd name="T14" fmla="*/ 1972 w 2902"/>
                <a:gd name="T15" fmla="*/ 152 h 2903"/>
                <a:gd name="T16" fmla="*/ 1838 w 2902"/>
                <a:gd name="T17" fmla="*/ 201 h 2903"/>
                <a:gd name="T18" fmla="*/ 1708 w 2902"/>
                <a:gd name="T19" fmla="*/ 256 h 2903"/>
                <a:gd name="T20" fmla="*/ 1582 w 2902"/>
                <a:gd name="T21" fmla="*/ 317 h 2903"/>
                <a:gd name="T22" fmla="*/ 1457 w 2902"/>
                <a:gd name="T23" fmla="*/ 385 h 2903"/>
                <a:gd name="T24" fmla="*/ 1338 w 2902"/>
                <a:gd name="T25" fmla="*/ 456 h 2903"/>
                <a:gd name="T26" fmla="*/ 1223 w 2902"/>
                <a:gd name="T27" fmla="*/ 535 h 2903"/>
                <a:gd name="T28" fmla="*/ 1111 w 2902"/>
                <a:gd name="T29" fmla="*/ 619 h 2903"/>
                <a:gd name="T30" fmla="*/ 1003 w 2902"/>
                <a:gd name="T31" fmla="*/ 707 h 2903"/>
                <a:gd name="T32" fmla="*/ 901 w 2902"/>
                <a:gd name="T33" fmla="*/ 800 h 2903"/>
                <a:gd name="T34" fmla="*/ 802 w 2902"/>
                <a:gd name="T35" fmla="*/ 899 h 2903"/>
                <a:gd name="T36" fmla="*/ 708 w 2902"/>
                <a:gd name="T37" fmla="*/ 1004 h 2903"/>
                <a:gd name="T38" fmla="*/ 619 w 2902"/>
                <a:gd name="T39" fmla="*/ 1110 h 2903"/>
                <a:gd name="T40" fmla="*/ 534 w 2902"/>
                <a:gd name="T41" fmla="*/ 1222 h 2903"/>
                <a:gd name="T42" fmla="*/ 457 w 2902"/>
                <a:gd name="T43" fmla="*/ 1339 h 2903"/>
                <a:gd name="T44" fmla="*/ 384 w 2902"/>
                <a:gd name="T45" fmla="*/ 1458 h 2903"/>
                <a:gd name="T46" fmla="*/ 316 w 2902"/>
                <a:gd name="T47" fmla="*/ 1581 h 2903"/>
                <a:gd name="T48" fmla="*/ 256 w 2902"/>
                <a:gd name="T49" fmla="*/ 1709 h 2903"/>
                <a:gd name="T50" fmla="*/ 201 w 2902"/>
                <a:gd name="T51" fmla="*/ 1839 h 2903"/>
                <a:gd name="T52" fmla="*/ 152 w 2902"/>
                <a:gd name="T53" fmla="*/ 1973 h 2903"/>
                <a:gd name="T54" fmla="*/ 110 w 2902"/>
                <a:gd name="T55" fmla="*/ 2108 h 2903"/>
                <a:gd name="T56" fmla="*/ 75 w 2902"/>
                <a:gd name="T57" fmla="*/ 2247 h 2903"/>
                <a:gd name="T58" fmla="*/ 45 w 2902"/>
                <a:gd name="T59" fmla="*/ 2388 h 2903"/>
                <a:gd name="T60" fmla="*/ 23 w 2902"/>
                <a:gd name="T61" fmla="*/ 2533 h 2903"/>
                <a:gd name="T62" fmla="*/ 9 w 2902"/>
                <a:gd name="T63" fmla="*/ 2680 h 2903"/>
                <a:gd name="T64" fmla="*/ 2 w 2902"/>
                <a:gd name="T65" fmla="*/ 2828 h 2903"/>
                <a:gd name="T66" fmla="*/ 1741 w 2902"/>
                <a:gd name="T67" fmla="*/ 2903 h 2903"/>
                <a:gd name="T68" fmla="*/ 1743 w 2902"/>
                <a:gd name="T69" fmla="*/ 2843 h 2903"/>
                <a:gd name="T70" fmla="*/ 1754 w 2902"/>
                <a:gd name="T71" fmla="*/ 2725 h 2903"/>
                <a:gd name="T72" fmla="*/ 1778 w 2902"/>
                <a:gd name="T73" fmla="*/ 2614 h 2903"/>
                <a:gd name="T74" fmla="*/ 1813 w 2902"/>
                <a:gd name="T75" fmla="*/ 2504 h 2903"/>
                <a:gd name="T76" fmla="*/ 1857 w 2902"/>
                <a:gd name="T77" fmla="*/ 2399 h 2903"/>
                <a:gd name="T78" fmla="*/ 1910 w 2902"/>
                <a:gd name="T79" fmla="*/ 2300 h 2903"/>
                <a:gd name="T80" fmla="*/ 1972 w 2902"/>
                <a:gd name="T81" fmla="*/ 2209 h 2903"/>
                <a:gd name="T82" fmla="*/ 2043 w 2902"/>
                <a:gd name="T83" fmla="*/ 2123 h 2903"/>
                <a:gd name="T84" fmla="*/ 2122 w 2902"/>
                <a:gd name="T85" fmla="*/ 2044 h 2903"/>
                <a:gd name="T86" fmla="*/ 2208 w 2902"/>
                <a:gd name="T87" fmla="*/ 1973 h 2903"/>
                <a:gd name="T88" fmla="*/ 2300 w 2902"/>
                <a:gd name="T89" fmla="*/ 1910 h 2903"/>
                <a:gd name="T90" fmla="*/ 2399 w 2902"/>
                <a:gd name="T91" fmla="*/ 1855 h 2903"/>
                <a:gd name="T92" fmla="*/ 2503 w 2902"/>
                <a:gd name="T93" fmla="*/ 1811 h 2903"/>
                <a:gd name="T94" fmla="*/ 2613 w 2902"/>
                <a:gd name="T95" fmla="*/ 1778 h 2903"/>
                <a:gd name="T96" fmla="*/ 2726 w 2902"/>
                <a:gd name="T97" fmla="*/ 1755 h 2903"/>
                <a:gd name="T98" fmla="*/ 2844 w 2902"/>
                <a:gd name="T99" fmla="*/ 1744 h 2903"/>
                <a:gd name="T100" fmla="*/ 2902 w 2902"/>
                <a:gd name="T101" fmla="*/ 1742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2902" y="1742"/>
                  </a:moveTo>
                  <a:lnTo>
                    <a:pt x="2902" y="0"/>
                  </a:lnTo>
                  <a:lnTo>
                    <a:pt x="2902" y="0"/>
                  </a:lnTo>
                  <a:lnTo>
                    <a:pt x="2827" y="0"/>
                  </a:lnTo>
                  <a:lnTo>
                    <a:pt x="2754" y="4"/>
                  </a:lnTo>
                  <a:lnTo>
                    <a:pt x="2679" y="7"/>
                  </a:lnTo>
                  <a:lnTo>
                    <a:pt x="2606" y="15"/>
                  </a:lnTo>
                  <a:lnTo>
                    <a:pt x="2532" y="22"/>
                  </a:lnTo>
                  <a:lnTo>
                    <a:pt x="2461" y="33"/>
                  </a:lnTo>
                  <a:lnTo>
                    <a:pt x="2390" y="44"/>
                  </a:lnTo>
                  <a:lnTo>
                    <a:pt x="2318" y="59"/>
                  </a:lnTo>
                  <a:lnTo>
                    <a:pt x="2247" y="73"/>
                  </a:lnTo>
                  <a:lnTo>
                    <a:pt x="2177" y="92"/>
                  </a:lnTo>
                  <a:lnTo>
                    <a:pt x="2107" y="110"/>
                  </a:lnTo>
                  <a:lnTo>
                    <a:pt x="2040" y="130"/>
                  </a:lnTo>
                  <a:lnTo>
                    <a:pt x="1972" y="152"/>
                  </a:lnTo>
                  <a:lnTo>
                    <a:pt x="1904" y="176"/>
                  </a:lnTo>
                  <a:lnTo>
                    <a:pt x="1838" y="201"/>
                  </a:lnTo>
                  <a:lnTo>
                    <a:pt x="1772" y="227"/>
                  </a:lnTo>
                  <a:lnTo>
                    <a:pt x="1708" y="256"/>
                  </a:lnTo>
                  <a:lnTo>
                    <a:pt x="1644" y="286"/>
                  </a:lnTo>
                  <a:lnTo>
                    <a:pt x="1582" y="317"/>
                  </a:lnTo>
                  <a:lnTo>
                    <a:pt x="1520" y="350"/>
                  </a:lnTo>
                  <a:lnTo>
                    <a:pt x="1457" y="385"/>
                  </a:lnTo>
                  <a:lnTo>
                    <a:pt x="1397" y="419"/>
                  </a:lnTo>
                  <a:lnTo>
                    <a:pt x="1338" y="456"/>
                  </a:lnTo>
                  <a:lnTo>
                    <a:pt x="1280" y="495"/>
                  </a:lnTo>
                  <a:lnTo>
                    <a:pt x="1223" y="535"/>
                  </a:lnTo>
                  <a:lnTo>
                    <a:pt x="1166" y="577"/>
                  </a:lnTo>
                  <a:lnTo>
                    <a:pt x="1111" y="619"/>
                  </a:lnTo>
                  <a:lnTo>
                    <a:pt x="1056" y="663"/>
                  </a:lnTo>
                  <a:lnTo>
                    <a:pt x="1003" y="707"/>
                  </a:lnTo>
                  <a:lnTo>
                    <a:pt x="950" y="755"/>
                  </a:lnTo>
                  <a:lnTo>
                    <a:pt x="901" y="800"/>
                  </a:lnTo>
                  <a:lnTo>
                    <a:pt x="849" y="850"/>
                  </a:lnTo>
                  <a:lnTo>
                    <a:pt x="802" y="899"/>
                  </a:lnTo>
                  <a:lnTo>
                    <a:pt x="754" y="951"/>
                  </a:lnTo>
                  <a:lnTo>
                    <a:pt x="708" y="1004"/>
                  </a:lnTo>
                  <a:lnTo>
                    <a:pt x="663" y="1057"/>
                  </a:lnTo>
                  <a:lnTo>
                    <a:pt x="619" y="1110"/>
                  </a:lnTo>
                  <a:lnTo>
                    <a:pt x="577" y="1165"/>
                  </a:lnTo>
                  <a:lnTo>
                    <a:pt x="534" y="1222"/>
                  </a:lnTo>
                  <a:lnTo>
                    <a:pt x="496" y="1280"/>
                  </a:lnTo>
                  <a:lnTo>
                    <a:pt x="457" y="1339"/>
                  </a:lnTo>
                  <a:lnTo>
                    <a:pt x="421" y="1397"/>
                  </a:lnTo>
                  <a:lnTo>
                    <a:pt x="384" y="1458"/>
                  </a:lnTo>
                  <a:lnTo>
                    <a:pt x="349" y="1518"/>
                  </a:lnTo>
                  <a:lnTo>
                    <a:pt x="316" y="1581"/>
                  </a:lnTo>
                  <a:lnTo>
                    <a:pt x="285" y="1645"/>
                  </a:lnTo>
                  <a:lnTo>
                    <a:pt x="256" y="1709"/>
                  </a:lnTo>
                  <a:lnTo>
                    <a:pt x="229" y="1773"/>
                  </a:lnTo>
                  <a:lnTo>
                    <a:pt x="201" y="1839"/>
                  </a:lnTo>
                  <a:lnTo>
                    <a:pt x="175" y="1905"/>
                  </a:lnTo>
                  <a:lnTo>
                    <a:pt x="152" y="1973"/>
                  </a:lnTo>
                  <a:lnTo>
                    <a:pt x="130" y="2040"/>
                  </a:lnTo>
                  <a:lnTo>
                    <a:pt x="110" y="2108"/>
                  </a:lnTo>
                  <a:lnTo>
                    <a:pt x="91" y="2178"/>
                  </a:lnTo>
                  <a:lnTo>
                    <a:pt x="75" y="2247"/>
                  </a:lnTo>
                  <a:lnTo>
                    <a:pt x="58" y="2319"/>
                  </a:lnTo>
                  <a:lnTo>
                    <a:pt x="45" y="2388"/>
                  </a:lnTo>
                  <a:lnTo>
                    <a:pt x="33" y="2462"/>
                  </a:lnTo>
                  <a:lnTo>
                    <a:pt x="23" y="2533"/>
                  </a:lnTo>
                  <a:lnTo>
                    <a:pt x="14" y="2606"/>
                  </a:lnTo>
                  <a:lnTo>
                    <a:pt x="9" y="2680"/>
                  </a:lnTo>
                  <a:lnTo>
                    <a:pt x="3" y="2753"/>
                  </a:lnTo>
                  <a:lnTo>
                    <a:pt x="2" y="2828"/>
                  </a:lnTo>
                  <a:lnTo>
                    <a:pt x="0" y="2903"/>
                  </a:lnTo>
                  <a:lnTo>
                    <a:pt x="1741" y="2903"/>
                  </a:lnTo>
                  <a:lnTo>
                    <a:pt x="1741" y="2903"/>
                  </a:lnTo>
                  <a:lnTo>
                    <a:pt x="1743" y="2843"/>
                  </a:lnTo>
                  <a:lnTo>
                    <a:pt x="1747" y="2784"/>
                  </a:lnTo>
                  <a:lnTo>
                    <a:pt x="1754" y="2725"/>
                  </a:lnTo>
                  <a:lnTo>
                    <a:pt x="1765" y="2669"/>
                  </a:lnTo>
                  <a:lnTo>
                    <a:pt x="1778" y="2614"/>
                  </a:lnTo>
                  <a:lnTo>
                    <a:pt x="1794" y="2557"/>
                  </a:lnTo>
                  <a:lnTo>
                    <a:pt x="1813" y="2504"/>
                  </a:lnTo>
                  <a:lnTo>
                    <a:pt x="1833" y="2451"/>
                  </a:lnTo>
                  <a:lnTo>
                    <a:pt x="1857" y="2399"/>
                  </a:lnTo>
                  <a:lnTo>
                    <a:pt x="1882" y="2350"/>
                  </a:lnTo>
                  <a:lnTo>
                    <a:pt x="1910" y="2300"/>
                  </a:lnTo>
                  <a:lnTo>
                    <a:pt x="1939" y="2253"/>
                  </a:lnTo>
                  <a:lnTo>
                    <a:pt x="1972" y="2209"/>
                  </a:lnTo>
                  <a:lnTo>
                    <a:pt x="2007" y="2165"/>
                  </a:lnTo>
                  <a:lnTo>
                    <a:pt x="2043" y="2123"/>
                  </a:lnTo>
                  <a:lnTo>
                    <a:pt x="2082" y="2082"/>
                  </a:lnTo>
                  <a:lnTo>
                    <a:pt x="2122" y="2044"/>
                  </a:lnTo>
                  <a:lnTo>
                    <a:pt x="2164" y="2007"/>
                  </a:lnTo>
                  <a:lnTo>
                    <a:pt x="2208" y="1973"/>
                  </a:lnTo>
                  <a:lnTo>
                    <a:pt x="2254" y="1940"/>
                  </a:lnTo>
                  <a:lnTo>
                    <a:pt x="2300" y="1910"/>
                  </a:lnTo>
                  <a:lnTo>
                    <a:pt x="2349" y="1881"/>
                  </a:lnTo>
                  <a:lnTo>
                    <a:pt x="2399" y="1855"/>
                  </a:lnTo>
                  <a:lnTo>
                    <a:pt x="2450" y="1833"/>
                  </a:lnTo>
                  <a:lnTo>
                    <a:pt x="2503" y="1811"/>
                  </a:lnTo>
                  <a:lnTo>
                    <a:pt x="2558" y="1793"/>
                  </a:lnTo>
                  <a:lnTo>
                    <a:pt x="2613" y="1778"/>
                  </a:lnTo>
                  <a:lnTo>
                    <a:pt x="2670" y="1766"/>
                  </a:lnTo>
                  <a:lnTo>
                    <a:pt x="2726" y="1755"/>
                  </a:lnTo>
                  <a:lnTo>
                    <a:pt x="2783" y="1747"/>
                  </a:lnTo>
                  <a:lnTo>
                    <a:pt x="2844" y="1744"/>
                  </a:lnTo>
                  <a:lnTo>
                    <a:pt x="2902" y="1742"/>
                  </a:lnTo>
                  <a:lnTo>
                    <a:pt x="2902" y="1742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26" name="Freeform: Shape 17"/>
            <p:cNvSpPr/>
            <p:nvPr/>
          </p:nvSpPr>
          <p:spPr bwMode="auto">
            <a:xfrm>
              <a:off x="4996252" y="3744762"/>
              <a:ext cx="1575298" cy="1574212"/>
            </a:xfrm>
            <a:custGeom>
              <a:avLst/>
              <a:gdLst>
                <a:gd name="T0" fmla="*/ 0 w 2905"/>
                <a:gd name="T1" fmla="*/ 2903 h 2903"/>
                <a:gd name="T2" fmla="*/ 75 w 2905"/>
                <a:gd name="T3" fmla="*/ 2903 h 2903"/>
                <a:gd name="T4" fmla="*/ 224 w 2905"/>
                <a:gd name="T5" fmla="*/ 2896 h 2903"/>
                <a:gd name="T6" fmla="*/ 370 w 2905"/>
                <a:gd name="T7" fmla="*/ 2881 h 2903"/>
                <a:gd name="T8" fmla="*/ 515 w 2905"/>
                <a:gd name="T9" fmla="*/ 2859 h 2903"/>
                <a:gd name="T10" fmla="*/ 656 w 2905"/>
                <a:gd name="T11" fmla="*/ 2830 h 2903"/>
                <a:gd name="T12" fmla="*/ 795 w 2905"/>
                <a:gd name="T13" fmla="*/ 2793 h 2903"/>
                <a:gd name="T14" fmla="*/ 932 w 2905"/>
                <a:gd name="T15" fmla="*/ 2751 h 2903"/>
                <a:gd name="T16" fmla="*/ 1066 w 2905"/>
                <a:gd name="T17" fmla="*/ 2702 h 2903"/>
                <a:gd name="T18" fmla="*/ 1196 w 2905"/>
                <a:gd name="T19" fmla="*/ 2647 h 2903"/>
                <a:gd name="T20" fmla="*/ 1322 w 2905"/>
                <a:gd name="T21" fmla="*/ 2586 h 2903"/>
                <a:gd name="T22" fmla="*/ 1445 w 2905"/>
                <a:gd name="T23" fmla="*/ 2518 h 2903"/>
                <a:gd name="T24" fmla="*/ 1566 w 2905"/>
                <a:gd name="T25" fmla="*/ 2447 h 2903"/>
                <a:gd name="T26" fmla="*/ 1681 w 2905"/>
                <a:gd name="T27" fmla="*/ 2368 h 2903"/>
                <a:gd name="T28" fmla="*/ 1793 w 2905"/>
                <a:gd name="T29" fmla="*/ 2284 h 2903"/>
                <a:gd name="T30" fmla="*/ 1901 w 2905"/>
                <a:gd name="T31" fmla="*/ 2196 h 2903"/>
                <a:gd name="T32" fmla="*/ 2004 w 2905"/>
                <a:gd name="T33" fmla="*/ 2103 h 2903"/>
                <a:gd name="T34" fmla="*/ 2103 w 2905"/>
                <a:gd name="T35" fmla="*/ 2004 h 2903"/>
                <a:gd name="T36" fmla="*/ 2196 w 2905"/>
                <a:gd name="T37" fmla="*/ 1899 h 2903"/>
                <a:gd name="T38" fmla="*/ 2284 w 2905"/>
                <a:gd name="T39" fmla="*/ 1793 h 2903"/>
                <a:gd name="T40" fmla="*/ 2368 w 2905"/>
                <a:gd name="T41" fmla="*/ 1681 h 2903"/>
                <a:gd name="T42" fmla="*/ 2447 w 2905"/>
                <a:gd name="T43" fmla="*/ 1564 h 2903"/>
                <a:gd name="T44" fmla="*/ 2520 w 2905"/>
                <a:gd name="T45" fmla="*/ 1445 h 2903"/>
                <a:gd name="T46" fmla="*/ 2586 w 2905"/>
                <a:gd name="T47" fmla="*/ 1322 h 2903"/>
                <a:gd name="T48" fmla="*/ 2648 w 2905"/>
                <a:gd name="T49" fmla="*/ 1194 h 2903"/>
                <a:gd name="T50" fmla="*/ 2703 w 2905"/>
                <a:gd name="T51" fmla="*/ 1064 h 2903"/>
                <a:gd name="T52" fmla="*/ 2751 w 2905"/>
                <a:gd name="T53" fmla="*/ 930 h 2903"/>
                <a:gd name="T54" fmla="*/ 2793 w 2905"/>
                <a:gd name="T55" fmla="*/ 795 h 2903"/>
                <a:gd name="T56" fmla="*/ 2830 w 2905"/>
                <a:gd name="T57" fmla="*/ 656 h 2903"/>
                <a:gd name="T58" fmla="*/ 2859 w 2905"/>
                <a:gd name="T59" fmla="*/ 515 h 2903"/>
                <a:gd name="T60" fmla="*/ 2881 w 2905"/>
                <a:gd name="T61" fmla="*/ 370 h 2903"/>
                <a:gd name="T62" fmla="*/ 2896 w 2905"/>
                <a:gd name="T63" fmla="*/ 223 h 2903"/>
                <a:gd name="T64" fmla="*/ 2903 w 2905"/>
                <a:gd name="T65" fmla="*/ 75 h 2903"/>
                <a:gd name="T66" fmla="*/ 1161 w 2905"/>
                <a:gd name="T67" fmla="*/ 0 h 2903"/>
                <a:gd name="T68" fmla="*/ 1161 w 2905"/>
                <a:gd name="T69" fmla="*/ 60 h 2903"/>
                <a:gd name="T70" fmla="*/ 1148 w 2905"/>
                <a:gd name="T71" fmla="*/ 178 h 2903"/>
                <a:gd name="T72" fmla="*/ 1125 w 2905"/>
                <a:gd name="T73" fmla="*/ 289 h 2903"/>
                <a:gd name="T74" fmla="*/ 1092 w 2905"/>
                <a:gd name="T75" fmla="*/ 399 h 2903"/>
                <a:gd name="T76" fmla="*/ 1048 w 2905"/>
                <a:gd name="T77" fmla="*/ 504 h 2903"/>
                <a:gd name="T78" fmla="*/ 995 w 2905"/>
                <a:gd name="T79" fmla="*/ 603 h 2903"/>
                <a:gd name="T80" fmla="*/ 931 w 2905"/>
                <a:gd name="T81" fmla="*/ 694 h 2903"/>
                <a:gd name="T82" fmla="*/ 861 w 2905"/>
                <a:gd name="T83" fmla="*/ 780 h 2903"/>
                <a:gd name="T84" fmla="*/ 782 w 2905"/>
                <a:gd name="T85" fmla="*/ 859 h 2903"/>
                <a:gd name="T86" fmla="*/ 696 w 2905"/>
                <a:gd name="T87" fmla="*/ 930 h 2903"/>
                <a:gd name="T88" fmla="*/ 603 w 2905"/>
                <a:gd name="T89" fmla="*/ 993 h 2903"/>
                <a:gd name="T90" fmla="*/ 504 w 2905"/>
                <a:gd name="T91" fmla="*/ 1048 h 2903"/>
                <a:gd name="T92" fmla="*/ 399 w 2905"/>
                <a:gd name="T93" fmla="*/ 1092 h 2903"/>
                <a:gd name="T94" fmla="*/ 291 w 2905"/>
                <a:gd name="T95" fmla="*/ 1125 h 2903"/>
                <a:gd name="T96" fmla="*/ 178 w 2905"/>
                <a:gd name="T97" fmla="*/ 1148 h 2903"/>
                <a:gd name="T98" fmla="*/ 61 w 2905"/>
                <a:gd name="T99" fmla="*/ 1159 h 2903"/>
                <a:gd name="T100" fmla="*/ 0 w 2905"/>
                <a:gd name="T101" fmla="*/ 1161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0" y="1161"/>
                  </a:moveTo>
                  <a:lnTo>
                    <a:pt x="0" y="2903"/>
                  </a:lnTo>
                  <a:lnTo>
                    <a:pt x="0" y="2903"/>
                  </a:lnTo>
                  <a:lnTo>
                    <a:pt x="75" y="2903"/>
                  </a:lnTo>
                  <a:lnTo>
                    <a:pt x="150" y="2899"/>
                  </a:lnTo>
                  <a:lnTo>
                    <a:pt x="224" y="2896"/>
                  </a:lnTo>
                  <a:lnTo>
                    <a:pt x="297" y="2888"/>
                  </a:lnTo>
                  <a:lnTo>
                    <a:pt x="370" y="2881"/>
                  </a:lnTo>
                  <a:lnTo>
                    <a:pt x="443" y="2870"/>
                  </a:lnTo>
                  <a:lnTo>
                    <a:pt x="515" y="2859"/>
                  </a:lnTo>
                  <a:lnTo>
                    <a:pt x="586" y="2844"/>
                  </a:lnTo>
                  <a:lnTo>
                    <a:pt x="656" y="2830"/>
                  </a:lnTo>
                  <a:lnTo>
                    <a:pt x="725" y="2811"/>
                  </a:lnTo>
                  <a:lnTo>
                    <a:pt x="795" y="2793"/>
                  </a:lnTo>
                  <a:lnTo>
                    <a:pt x="865" y="2773"/>
                  </a:lnTo>
                  <a:lnTo>
                    <a:pt x="932" y="2751"/>
                  </a:lnTo>
                  <a:lnTo>
                    <a:pt x="998" y="2727"/>
                  </a:lnTo>
                  <a:lnTo>
                    <a:pt x="1066" y="2702"/>
                  </a:lnTo>
                  <a:lnTo>
                    <a:pt x="1130" y="2676"/>
                  </a:lnTo>
                  <a:lnTo>
                    <a:pt x="1196" y="2647"/>
                  </a:lnTo>
                  <a:lnTo>
                    <a:pt x="1260" y="2617"/>
                  </a:lnTo>
                  <a:lnTo>
                    <a:pt x="1322" y="2586"/>
                  </a:lnTo>
                  <a:lnTo>
                    <a:pt x="1385" y="2553"/>
                  </a:lnTo>
                  <a:lnTo>
                    <a:pt x="1445" y="2518"/>
                  </a:lnTo>
                  <a:lnTo>
                    <a:pt x="1506" y="2484"/>
                  </a:lnTo>
                  <a:lnTo>
                    <a:pt x="1566" y="2447"/>
                  </a:lnTo>
                  <a:lnTo>
                    <a:pt x="1625" y="2408"/>
                  </a:lnTo>
                  <a:lnTo>
                    <a:pt x="1681" y="2368"/>
                  </a:lnTo>
                  <a:lnTo>
                    <a:pt x="1738" y="2326"/>
                  </a:lnTo>
                  <a:lnTo>
                    <a:pt x="1793" y="2284"/>
                  </a:lnTo>
                  <a:lnTo>
                    <a:pt x="1848" y="2240"/>
                  </a:lnTo>
                  <a:lnTo>
                    <a:pt x="1901" y="2196"/>
                  </a:lnTo>
                  <a:lnTo>
                    <a:pt x="1952" y="2148"/>
                  </a:lnTo>
                  <a:lnTo>
                    <a:pt x="2004" y="2103"/>
                  </a:lnTo>
                  <a:lnTo>
                    <a:pt x="2053" y="2053"/>
                  </a:lnTo>
                  <a:lnTo>
                    <a:pt x="2103" y="2004"/>
                  </a:lnTo>
                  <a:lnTo>
                    <a:pt x="2150" y="1952"/>
                  </a:lnTo>
                  <a:lnTo>
                    <a:pt x="2196" y="1899"/>
                  </a:lnTo>
                  <a:lnTo>
                    <a:pt x="2242" y="1846"/>
                  </a:lnTo>
                  <a:lnTo>
                    <a:pt x="2284" y="1793"/>
                  </a:lnTo>
                  <a:lnTo>
                    <a:pt x="2328" y="1738"/>
                  </a:lnTo>
                  <a:lnTo>
                    <a:pt x="2368" y="1681"/>
                  </a:lnTo>
                  <a:lnTo>
                    <a:pt x="2408" y="1623"/>
                  </a:lnTo>
                  <a:lnTo>
                    <a:pt x="2447" y="1564"/>
                  </a:lnTo>
                  <a:lnTo>
                    <a:pt x="2483" y="1506"/>
                  </a:lnTo>
                  <a:lnTo>
                    <a:pt x="2520" y="1445"/>
                  </a:lnTo>
                  <a:lnTo>
                    <a:pt x="2553" y="1385"/>
                  </a:lnTo>
                  <a:lnTo>
                    <a:pt x="2586" y="1322"/>
                  </a:lnTo>
                  <a:lnTo>
                    <a:pt x="2617" y="1258"/>
                  </a:lnTo>
                  <a:lnTo>
                    <a:pt x="2648" y="1194"/>
                  </a:lnTo>
                  <a:lnTo>
                    <a:pt x="2676" y="1130"/>
                  </a:lnTo>
                  <a:lnTo>
                    <a:pt x="2703" y="1064"/>
                  </a:lnTo>
                  <a:lnTo>
                    <a:pt x="2727" y="998"/>
                  </a:lnTo>
                  <a:lnTo>
                    <a:pt x="2751" y="930"/>
                  </a:lnTo>
                  <a:lnTo>
                    <a:pt x="2773" y="863"/>
                  </a:lnTo>
                  <a:lnTo>
                    <a:pt x="2793" y="795"/>
                  </a:lnTo>
                  <a:lnTo>
                    <a:pt x="2813" y="725"/>
                  </a:lnTo>
                  <a:lnTo>
                    <a:pt x="2830" y="656"/>
                  </a:lnTo>
                  <a:lnTo>
                    <a:pt x="2844" y="584"/>
                  </a:lnTo>
                  <a:lnTo>
                    <a:pt x="2859" y="515"/>
                  </a:lnTo>
                  <a:lnTo>
                    <a:pt x="2870" y="441"/>
                  </a:lnTo>
                  <a:lnTo>
                    <a:pt x="2881" y="370"/>
                  </a:lnTo>
                  <a:lnTo>
                    <a:pt x="2888" y="297"/>
                  </a:lnTo>
                  <a:lnTo>
                    <a:pt x="2896" y="223"/>
                  </a:lnTo>
                  <a:lnTo>
                    <a:pt x="2901" y="150"/>
                  </a:lnTo>
                  <a:lnTo>
                    <a:pt x="2903" y="75"/>
                  </a:lnTo>
                  <a:lnTo>
                    <a:pt x="2905" y="0"/>
                  </a:lnTo>
                  <a:lnTo>
                    <a:pt x="1161" y="0"/>
                  </a:lnTo>
                  <a:lnTo>
                    <a:pt x="1161" y="0"/>
                  </a:lnTo>
                  <a:lnTo>
                    <a:pt x="1161" y="60"/>
                  </a:lnTo>
                  <a:lnTo>
                    <a:pt x="1156" y="119"/>
                  </a:lnTo>
                  <a:lnTo>
                    <a:pt x="1148" y="178"/>
                  </a:lnTo>
                  <a:lnTo>
                    <a:pt x="1139" y="234"/>
                  </a:lnTo>
                  <a:lnTo>
                    <a:pt x="1125" y="289"/>
                  </a:lnTo>
                  <a:lnTo>
                    <a:pt x="1110" y="346"/>
                  </a:lnTo>
                  <a:lnTo>
                    <a:pt x="1092" y="399"/>
                  </a:lnTo>
                  <a:lnTo>
                    <a:pt x="1072" y="452"/>
                  </a:lnTo>
                  <a:lnTo>
                    <a:pt x="1048" y="504"/>
                  </a:lnTo>
                  <a:lnTo>
                    <a:pt x="1022" y="553"/>
                  </a:lnTo>
                  <a:lnTo>
                    <a:pt x="995" y="603"/>
                  </a:lnTo>
                  <a:lnTo>
                    <a:pt x="964" y="650"/>
                  </a:lnTo>
                  <a:lnTo>
                    <a:pt x="931" y="694"/>
                  </a:lnTo>
                  <a:lnTo>
                    <a:pt x="898" y="738"/>
                  </a:lnTo>
                  <a:lnTo>
                    <a:pt x="861" y="780"/>
                  </a:lnTo>
                  <a:lnTo>
                    <a:pt x="823" y="821"/>
                  </a:lnTo>
                  <a:lnTo>
                    <a:pt x="782" y="859"/>
                  </a:lnTo>
                  <a:lnTo>
                    <a:pt x="740" y="896"/>
                  </a:lnTo>
                  <a:lnTo>
                    <a:pt x="696" y="930"/>
                  </a:lnTo>
                  <a:lnTo>
                    <a:pt x="650" y="963"/>
                  </a:lnTo>
                  <a:lnTo>
                    <a:pt x="603" y="993"/>
                  </a:lnTo>
                  <a:lnTo>
                    <a:pt x="555" y="1022"/>
                  </a:lnTo>
                  <a:lnTo>
                    <a:pt x="504" y="1048"/>
                  </a:lnTo>
                  <a:lnTo>
                    <a:pt x="453" y="1070"/>
                  </a:lnTo>
                  <a:lnTo>
                    <a:pt x="399" y="1092"/>
                  </a:lnTo>
                  <a:lnTo>
                    <a:pt x="346" y="1110"/>
                  </a:lnTo>
                  <a:lnTo>
                    <a:pt x="291" y="1125"/>
                  </a:lnTo>
                  <a:lnTo>
                    <a:pt x="235" y="1137"/>
                  </a:lnTo>
                  <a:lnTo>
                    <a:pt x="178" y="1148"/>
                  </a:lnTo>
                  <a:lnTo>
                    <a:pt x="119" y="1156"/>
                  </a:lnTo>
                  <a:lnTo>
                    <a:pt x="61" y="1159"/>
                  </a:lnTo>
                  <a:lnTo>
                    <a:pt x="0" y="1161"/>
                  </a:lnTo>
                  <a:lnTo>
                    <a:pt x="0" y="1161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27" name="Freeform: Shape 18"/>
            <p:cNvSpPr/>
            <p:nvPr/>
          </p:nvSpPr>
          <p:spPr bwMode="auto">
            <a:xfrm>
              <a:off x="3420954" y="3744762"/>
              <a:ext cx="1575298" cy="1574212"/>
            </a:xfrm>
            <a:custGeom>
              <a:avLst/>
              <a:gdLst>
                <a:gd name="T0" fmla="*/ 0 w 2902"/>
                <a:gd name="T1" fmla="*/ 0 h 2903"/>
                <a:gd name="T2" fmla="*/ 2 w 2902"/>
                <a:gd name="T3" fmla="*/ 75 h 2903"/>
                <a:gd name="T4" fmla="*/ 9 w 2902"/>
                <a:gd name="T5" fmla="*/ 223 h 2903"/>
                <a:gd name="T6" fmla="*/ 23 w 2902"/>
                <a:gd name="T7" fmla="*/ 370 h 2903"/>
                <a:gd name="T8" fmla="*/ 45 w 2902"/>
                <a:gd name="T9" fmla="*/ 515 h 2903"/>
                <a:gd name="T10" fmla="*/ 75 w 2902"/>
                <a:gd name="T11" fmla="*/ 656 h 2903"/>
                <a:gd name="T12" fmla="*/ 110 w 2902"/>
                <a:gd name="T13" fmla="*/ 795 h 2903"/>
                <a:gd name="T14" fmla="*/ 152 w 2902"/>
                <a:gd name="T15" fmla="*/ 930 h 2903"/>
                <a:gd name="T16" fmla="*/ 201 w 2902"/>
                <a:gd name="T17" fmla="*/ 1064 h 2903"/>
                <a:gd name="T18" fmla="*/ 256 w 2902"/>
                <a:gd name="T19" fmla="*/ 1194 h 2903"/>
                <a:gd name="T20" fmla="*/ 316 w 2902"/>
                <a:gd name="T21" fmla="*/ 1322 h 2903"/>
                <a:gd name="T22" fmla="*/ 384 w 2902"/>
                <a:gd name="T23" fmla="*/ 1445 h 2903"/>
                <a:gd name="T24" fmla="*/ 457 w 2902"/>
                <a:gd name="T25" fmla="*/ 1564 h 2903"/>
                <a:gd name="T26" fmla="*/ 534 w 2902"/>
                <a:gd name="T27" fmla="*/ 1681 h 2903"/>
                <a:gd name="T28" fmla="*/ 619 w 2902"/>
                <a:gd name="T29" fmla="*/ 1793 h 2903"/>
                <a:gd name="T30" fmla="*/ 708 w 2902"/>
                <a:gd name="T31" fmla="*/ 1899 h 2903"/>
                <a:gd name="T32" fmla="*/ 802 w 2902"/>
                <a:gd name="T33" fmla="*/ 2004 h 2903"/>
                <a:gd name="T34" fmla="*/ 901 w 2902"/>
                <a:gd name="T35" fmla="*/ 2103 h 2903"/>
                <a:gd name="T36" fmla="*/ 1003 w 2902"/>
                <a:gd name="T37" fmla="*/ 2196 h 2903"/>
                <a:gd name="T38" fmla="*/ 1111 w 2902"/>
                <a:gd name="T39" fmla="*/ 2284 h 2903"/>
                <a:gd name="T40" fmla="*/ 1223 w 2902"/>
                <a:gd name="T41" fmla="*/ 2368 h 2903"/>
                <a:gd name="T42" fmla="*/ 1338 w 2902"/>
                <a:gd name="T43" fmla="*/ 2447 h 2903"/>
                <a:gd name="T44" fmla="*/ 1457 w 2902"/>
                <a:gd name="T45" fmla="*/ 2518 h 2903"/>
                <a:gd name="T46" fmla="*/ 1582 w 2902"/>
                <a:gd name="T47" fmla="*/ 2586 h 2903"/>
                <a:gd name="T48" fmla="*/ 1708 w 2902"/>
                <a:gd name="T49" fmla="*/ 2647 h 2903"/>
                <a:gd name="T50" fmla="*/ 1838 w 2902"/>
                <a:gd name="T51" fmla="*/ 2702 h 2903"/>
                <a:gd name="T52" fmla="*/ 1972 w 2902"/>
                <a:gd name="T53" fmla="*/ 2751 h 2903"/>
                <a:gd name="T54" fmla="*/ 2107 w 2902"/>
                <a:gd name="T55" fmla="*/ 2793 h 2903"/>
                <a:gd name="T56" fmla="*/ 2247 w 2902"/>
                <a:gd name="T57" fmla="*/ 2830 h 2903"/>
                <a:gd name="T58" fmla="*/ 2390 w 2902"/>
                <a:gd name="T59" fmla="*/ 2859 h 2903"/>
                <a:gd name="T60" fmla="*/ 2532 w 2902"/>
                <a:gd name="T61" fmla="*/ 2881 h 2903"/>
                <a:gd name="T62" fmla="*/ 2679 w 2902"/>
                <a:gd name="T63" fmla="*/ 2896 h 2903"/>
                <a:gd name="T64" fmla="*/ 2827 w 2902"/>
                <a:gd name="T65" fmla="*/ 2903 h 2903"/>
                <a:gd name="T66" fmla="*/ 2902 w 2902"/>
                <a:gd name="T67" fmla="*/ 1161 h 2903"/>
                <a:gd name="T68" fmla="*/ 2844 w 2902"/>
                <a:gd name="T69" fmla="*/ 1159 h 2903"/>
                <a:gd name="T70" fmla="*/ 2726 w 2902"/>
                <a:gd name="T71" fmla="*/ 1148 h 2903"/>
                <a:gd name="T72" fmla="*/ 2613 w 2902"/>
                <a:gd name="T73" fmla="*/ 1125 h 2903"/>
                <a:gd name="T74" fmla="*/ 2503 w 2902"/>
                <a:gd name="T75" fmla="*/ 1092 h 2903"/>
                <a:gd name="T76" fmla="*/ 2399 w 2902"/>
                <a:gd name="T77" fmla="*/ 1048 h 2903"/>
                <a:gd name="T78" fmla="*/ 2300 w 2902"/>
                <a:gd name="T79" fmla="*/ 993 h 2903"/>
                <a:gd name="T80" fmla="*/ 2208 w 2902"/>
                <a:gd name="T81" fmla="*/ 930 h 2903"/>
                <a:gd name="T82" fmla="*/ 2122 w 2902"/>
                <a:gd name="T83" fmla="*/ 859 h 2903"/>
                <a:gd name="T84" fmla="*/ 2043 w 2902"/>
                <a:gd name="T85" fmla="*/ 780 h 2903"/>
                <a:gd name="T86" fmla="*/ 1972 w 2902"/>
                <a:gd name="T87" fmla="*/ 694 h 2903"/>
                <a:gd name="T88" fmla="*/ 1910 w 2902"/>
                <a:gd name="T89" fmla="*/ 603 h 2903"/>
                <a:gd name="T90" fmla="*/ 1857 w 2902"/>
                <a:gd name="T91" fmla="*/ 504 h 2903"/>
                <a:gd name="T92" fmla="*/ 1813 w 2902"/>
                <a:gd name="T93" fmla="*/ 399 h 2903"/>
                <a:gd name="T94" fmla="*/ 1778 w 2902"/>
                <a:gd name="T95" fmla="*/ 289 h 2903"/>
                <a:gd name="T96" fmla="*/ 1754 w 2902"/>
                <a:gd name="T97" fmla="*/ 178 h 2903"/>
                <a:gd name="T98" fmla="*/ 1743 w 2902"/>
                <a:gd name="T99" fmla="*/ 60 h 2903"/>
                <a:gd name="T100" fmla="*/ 1741 w 2902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1741" y="0"/>
                  </a:moveTo>
                  <a:lnTo>
                    <a:pt x="0" y="0"/>
                  </a:lnTo>
                  <a:lnTo>
                    <a:pt x="0" y="0"/>
                  </a:lnTo>
                  <a:lnTo>
                    <a:pt x="2" y="75"/>
                  </a:lnTo>
                  <a:lnTo>
                    <a:pt x="3" y="150"/>
                  </a:lnTo>
                  <a:lnTo>
                    <a:pt x="9" y="223"/>
                  </a:lnTo>
                  <a:lnTo>
                    <a:pt x="14" y="297"/>
                  </a:lnTo>
                  <a:lnTo>
                    <a:pt x="23" y="370"/>
                  </a:lnTo>
                  <a:lnTo>
                    <a:pt x="33" y="441"/>
                  </a:lnTo>
                  <a:lnTo>
                    <a:pt x="45" y="515"/>
                  </a:lnTo>
                  <a:lnTo>
                    <a:pt x="58" y="584"/>
                  </a:lnTo>
                  <a:lnTo>
                    <a:pt x="75" y="656"/>
                  </a:lnTo>
                  <a:lnTo>
                    <a:pt x="91" y="725"/>
                  </a:lnTo>
                  <a:lnTo>
                    <a:pt x="110" y="795"/>
                  </a:lnTo>
                  <a:lnTo>
                    <a:pt x="130" y="863"/>
                  </a:lnTo>
                  <a:lnTo>
                    <a:pt x="152" y="930"/>
                  </a:lnTo>
                  <a:lnTo>
                    <a:pt x="175" y="998"/>
                  </a:lnTo>
                  <a:lnTo>
                    <a:pt x="201" y="1064"/>
                  </a:lnTo>
                  <a:lnTo>
                    <a:pt x="229" y="1130"/>
                  </a:lnTo>
                  <a:lnTo>
                    <a:pt x="256" y="1194"/>
                  </a:lnTo>
                  <a:lnTo>
                    <a:pt x="285" y="1258"/>
                  </a:lnTo>
                  <a:lnTo>
                    <a:pt x="316" y="1322"/>
                  </a:lnTo>
                  <a:lnTo>
                    <a:pt x="349" y="1385"/>
                  </a:lnTo>
                  <a:lnTo>
                    <a:pt x="384" y="1445"/>
                  </a:lnTo>
                  <a:lnTo>
                    <a:pt x="421" y="1506"/>
                  </a:lnTo>
                  <a:lnTo>
                    <a:pt x="457" y="1564"/>
                  </a:lnTo>
                  <a:lnTo>
                    <a:pt x="496" y="1623"/>
                  </a:lnTo>
                  <a:lnTo>
                    <a:pt x="534" y="1681"/>
                  </a:lnTo>
                  <a:lnTo>
                    <a:pt x="577" y="1738"/>
                  </a:lnTo>
                  <a:lnTo>
                    <a:pt x="619" y="1793"/>
                  </a:lnTo>
                  <a:lnTo>
                    <a:pt x="663" y="1846"/>
                  </a:lnTo>
                  <a:lnTo>
                    <a:pt x="708" y="1899"/>
                  </a:lnTo>
                  <a:lnTo>
                    <a:pt x="754" y="1952"/>
                  </a:lnTo>
                  <a:lnTo>
                    <a:pt x="802" y="2004"/>
                  </a:lnTo>
                  <a:lnTo>
                    <a:pt x="849" y="2053"/>
                  </a:lnTo>
                  <a:lnTo>
                    <a:pt x="901" y="2103"/>
                  </a:lnTo>
                  <a:lnTo>
                    <a:pt x="950" y="2148"/>
                  </a:lnTo>
                  <a:lnTo>
                    <a:pt x="1003" y="2196"/>
                  </a:lnTo>
                  <a:lnTo>
                    <a:pt x="1056" y="2240"/>
                  </a:lnTo>
                  <a:lnTo>
                    <a:pt x="1111" y="2284"/>
                  </a:lnTo>
                  <a:lnTo>
                    <a:pt x="1166" y="2326"/>
                  </a:lnTo>
                  <a:lnTo>
                    <a:pt x="1223" y="2368"/>
                  </a:lnTo>
                  <a:lnTo>
                    <a:pt x="1280" y="2408"/>
                  </a:lnTo>
                  <a:lnTo>
                    <a:pt x="1338" y="2447"/>
                  </a:lnTo>
                  <a:lnTo>
                    <a:pt x="1397" y="2484"/>
                  </a:lnTo>
                  <a:lnTo>
                    <a:pt x="1457" y="2518"/>
                  </a:lnTo>
                  <a:lnTo>
                    <a:pt x="1520" y="2553"/>
                  </a:lnTo>
                  <a:lnTo>
                    <a:pt x="1582" y="2586"/>
                  </a:lnTo>
                  <a:lnTo>
                    <a:pt x="1644" y="2617"/>
                  </a:lnTo>
                  <a:lnTo>
                    <a:pt x="1708" y="2647"/>
                  </a:lnTo>
                  <a:lnTo>
                    <a:pt x="1772" y="2676"/>
                  </a:lnTo>
                  <a:lnTo>
                    <a:pt x="1838" y="2702"/>
                  </a:lnTo>
                  <a:lnTo>
                    <a:pt x="1904" y="2727"/>
                  </a:lnTo>
                  <a:lnTo>
                    <a:pt x="1972" y="2751"/>
                  </a:lnTo>
                  <a:lnTo>
                    <a:pt x="2040" y="2773"/>
                  </a:lnTo>
                  <a:lnTo>
                    <a:pt x="2107" y="2793"/>
                  </a:lnTo>
                  <a:lnTo>
                    <a:pt x="2177" y="2811"/>
                  </a:lnTo>
                  <a:lnTo>
                    <a:pt x="2247" y="2830"/>
                  </a:lnTo>
                  <a:lnTo>
                    <a:pt x="2318" y="2844"/>
                  </a:lnTo>
                  <a:lnTo>
                    <a:pt x="2390" y="2859"/>
                  </a:lnTo>
                  <a:lnTo>
                    <a:pt x="2461" y="2870"/>
                  </a:lnTo>
                  <a:lnTo>
                    <a:pt x="2532" y="2881"/>
                  </a:lnTo>
                  <a:lnTo>
                    <a:pt x="2606" y="2888"/>
                  </a:lnTo>
                  <a:lnTo>
                    <a:pt x="2679" y="2896"/>
                  </a:lnTo>
                  <a:lnTo>
                    <a:pt x="2754" y="2899"/>
                  </a:lnTo>
                  <a:lnTo>
                    <a:pt x="2827" y="2903"/>
                  </a:lnTo>
                  <a:lnTo>
                    <a:pt x="2902" y="2903"/>
                  </a:lnTo>
                  <a:lnTo>
                    <a:pt x="2902" y="1161"/>
                  </a:lnTo>
                  <a:lnTo>
                    <a:pt x="2902" y="1161"/>
                  </a:lnTo>
                  <a:lnTo>
                    <a:pt x="2844" y="1159"/>
                  </a:lnTo>
                  <a:lnTo>
                    <a:pt x="2783" y="1156"/>
                  </a:lnTo>
                  <a:lnTo>
                    <a:pt x="2726" y="1148"/>
                  </a:lnTo>
                  <a:lnTo>
                    <a:pt x="2670" y="1137"/>
                  </a:lnTo>
                  <a:lnTo>
                    <a:pt x="2613" y="1125"/>
                  </a:lnTo>
                  <a:lnTo>
                    <a:pt x="2558" y="1110"/>
                  </a:lnTo>
                  <a:lnTo>
                    <a:pt x="2503" y="1092"/>
                  </a:lnTo>
                  <a:lnTo>
                    <a:pt x="2450" y="1070"/>
                  </a:lnTo>
                  <a:lnTo>
                    <a:pt x="2399" y="1048"/>
                  </a:lnTo>
                  <a:lnTo>
                    <a:pt x="2349" y="1022"/>
                  </a:lnTo>
                  <a:lnTo>
                    <a:pt x="2300" y="993"/>
                  </a:lnTo>
                  <a:lnTo>
                    <a:pt x="2254" y="963"/>
                  </a:lnTo>
                  <a:lnTo>
                    <a:pt x="2208" y="930"/>
                  </a:lnTo>
                  <a:lnTo>
                    <a:pt x="2164" y="896"/>
                  </a:lnTo>
                  <a:lnTo>
                    <a:pt x="2122" y="859"/>
                  </a:lnTo>
                  <a:lnTo>
                    <a:pt x="2082" y="821"/>
                  </a:lnTo>
                  <a:lnTo>
                    <a:pt x="2043" y="780"/>
                  </a:lnTo>
                  <a:lnTo>
                    <a:pt x="2007" y="738"/>
                  </a:lnTo>
                  <a:lnTo>
                    <a:pt x="1972" y="694"/>
                  </a:lnTo>
                  <a:lnTo>
                    <a:pt x="1939" y="650"/>
                  </a:lnTo>
                  <a:lnTo>
                    <a:pt x="1910" y="603"/>
                  </a:lnTo>
                  <a:lnTo>
                    <a:pt x="1882" y="553"/>
                  </a:lnTo>
                  <a:lnTo>
                    <a:pt x="1857" y="504"/>
                  </a:lnTo>
                  <a:lnTo>
                    <a:pt x="1833" y="452"/>
                  </a:lnTo>
                  <a:lnTo>
                    <a:pt x="1813" y="399"/>
                  </a:lnTo>
                  <a:lnTo>
                    <a:pt x="1794" y="346"/>
                  </a:lnTo>
                  <a:lnTo>
                    <a:pt x="1778" y="289"/>
                  </a:lnTo>
                  <a:lnTo>
                    <a:pt x="1765" y="234"/>
                  </a:lnTo>
                  <a:lnTo>
                    <a:pt x="1754" y="178"/>
                  </a:lnTo>
                  <a:lnTo>
                    <a:pt x="1747" y="119"/>
                  </a:lnTo>
                  <a:lnTo>
                    <a:pt x="1743" y="60"/>
                  </a:lnTo>
                  <a:lnTo>
                    <a:pt x="1741" y="0"/>
                  </a:lnTo>
                  <a:lnTo>
                    <a:pt x="1741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28" name="Freeform: Shape 19"/>
            <p:cNvSpPr/>
            <p:nvPr/>
          </p:nvSpPr>
          <p:spPr bwMode="auto">
            <a:xfrm>
              <a:off x="5625502" y="3744762"/>
              <a:ext cx="1575298" cy="1574212"/>
            </a:xfrm>
            <a:custGeom>
              <a:avLst/>
              <a:gdLst>
                <a:gd name="T0" fmla="*/ 0 w 2905"/>
                <a:gd name="T1" fmla="*/ 0 h 2903"/>
                <a:gd name="T2" fmla="*/ 2 w 2905"/>
                <a:gd name="T3" fmla="*/ 75 h 2903"/>
                <a:gd name="T4" fmla="*/ 9 w 2905"/>
                <a:gd name="T5" fmla="*/ 223 h 2903"/>
                <a:gd name="T6" fmla="*/ 24 w 2905"/>
                <a:gd name="T7" fmla="*/ 370 h 2903"/>
                <a:gd name="T8" fmla="*/ 46 w 2905"/>
                <a:gd name="T9" fmla="*/ 515 h 2903"/>
                <a:gd name="T10" fmla="*/ 75 w 2905"/>
                <a:gd name="T11" fmla="*/ 656 h 2903"/>
                <a:gd name="T12" fmla="*/ 112 w 2905"/>
                <a:gd name="T13" fmla="*/ 795 h 2903"/>
                <a:gd name="T14" fmla="*/ 154 w 2905"/>
                <a:gd name="T15" fmla="*/ 930 h 2903"/>
                <a:gd name="T16" fmla="*/ 202 w 2905"/>
                <a:gd name="T17" fmla="*/ 1064 h 2903"/>
                <a:gd name="T18" fmla="*/ 257 w 2905"/>
                <a:gd name="T19" fmla="*/ 1194 h 2903"/>
                <a:gd name="T20" fmla="*/ 319 w 2905"/>
                <a:gd name="T21" fmla="*/ 1322 h 2903"/>
                <a:gd name="T22" fmla="*/ 385 w 2905"/>
                <a:gd name="T23" fmla="*/ 1445 h 2903"/>
                <a:gd name="T24" fmla="*/ 458 w 2905"/>
                <a:gd name="T25" fmla="*/ 1564 h 2903"/>
                <a:gd name="T26" fmla="*/ 537 w 2905"/>
                <a:gd name="T27" fmla="*/ 1681 h 2903"/>
                <a:gd name="T28" fmla="*/ 621 w 2905"/>
                <a:gd name="T29" fmla="*/ 1793 h 2903"/>
                <a:gd name="T30" fmla="*/ 709 w 2905"/>
                <a:gd name="T31" fmla="*/ 1899 h 2903"/>
                <a:gd name="T32" fmla="*/ 802 w 2905"/>
                <a:gd name="T33" fmla="*/ 2004 h 2903"/>
                <a:gd name="T34" fmla="*/ 901 w 2905"/>
                <a:gd name="T35" fmla="*/ 2103 h 2903"/>
                <a:gd name="T36" fmla="*/ 1004 w 2905"/>
                <a:gd name="T37" fmla="*/ 2196 h 2903"/>
                <a:gd name="T38" fmla="*/ 1112 w 2905"/>
                <a:gd name="T39" fmla="*/ 2284 h 2903"/>
                <a:gd name="T40" fmla="*/ 1224 w 2905"/>
                <a:gd name="T41" fmla="*/ 2368 h 2903"/>
                <a:gd name="T42" fmla="*/ 1339 w 2905"/>
                <a:gd name="T43" fmla="*/ 2447 h 2903"/>
                <a:gd name="T44" fmla="*/ 1460 w 2905"/>
                <a:gd name="T45" fmla="*/ 2518 h 2903"/>
                <a:gd name="T46" fmla="*/ 1583 w 2905"/>
                <a:gd name="T47" fmla="*/ 2586 h 2903"/>
                <a:gd name="T48" fmla="*/ 1709 w 2905"/>
                <a:gd name="T49" fmla="*/ 2647 h 2903"/>
                <a:gd name="T50" fmla="*/ 1839 w 2905"/>
                <a:gd name="T51" fmla="*/ 2702 h 2903"/>
                <a:gd name="T52" fmla="*/ 1973 w 2905"/>
                <a:gd name="T53" fmla="*/ 2751 h 2903"/>
                <a:gd name="T54" fmla="*/ 2110 w 2905"/>
                <a:gd name="T55" fmla="*/ 2793 h 2903"/>
                <a:gd name="T56" fmla="*/ 2249 w 2905"/>
                <a:gd name="T57" fmla="*/ 2830 h 2903"/>
                <a:gd name="T58" fmla="*/ 2390 w 2905"/>
                <a:gd name="T59" fmla="*/ 2859 h 2903"/>
                <a:gd name="T60" fmla="*/ 2535 w 2905"/>
                <a:gd name="T61" fmla="*/ 2881 h 2903"/>
                <a:gd name="T62" fmla="*/ 2681 w 2905"/>
                <a:gd name="T63" fmla="*/ 2896 h 2903"/>
                <a:gd name="T64" fmla="*/ 2830 w 2905"/>
                <a:gd name="T65" fmla="*/ 2903 h 2903"/>
                <a:gd name="T66" fmla="*/ 2905 w 2905"/>
                <a:gd name="T67" fmla="*/ 1161 h 2903"/>
                <a:gd name="T68" fmla="*/ 2844 w 2905"/>
                <a:gd name="T69" fmla="*/ 1159 h 2903"/>
                <a:gd name="T70" fmla="*/ 2727 w 2905"/>
                <a:gd name="T71" fmla="*/ 1148 h 2903"/>
                <a:gd name="T72" fmla="*/ 2614 w 2905"/>
                <a:gd name="T73" fmla="*/ 1125 h 2903"/>
                <a:gd name="T74" fmla="*/ 2506 w 2905"/>
                <a:gd name="T75" fmla="*/ 1092 h 2903"/>
                <a:gd name="T76" fmla="*/ 2401 w 2905"/>
                <a:gd name="T77" fmla="*/ 1048 h 2903"/>
                <a:gd name="T78" fmla="*/ 2302 w 2905"/>
                <a:gd name="T79" fmla="*/ 993 h 2903"/>
                <a:gd name="T80" fmla="*/ 2209 w 2905"/>
                <a:gd name="T81" fmla="*/ 930 h 2903"/>
                <a:gd name="T82" fmla="*/ 2123 w 2905"/>
                <a:gd name="T83" fmla="*/ 859 h 2903"/>
                <a:gd name="T84" fmla="*/ 2044 w 2905"/>
                <a:gd name="T85" fmla="*/ 780 h 2903"/>
                <a:gd name="T86" fmla="*/ 1974 w 2905"/>
                <a:gd name="T87" fmla="*/ 694 h 2903"/>
                <a:gd name="T88" fmla="*/ 1910 w 2905"/>
                <a:gd name="T89" fmla="*/ 603 h 2903"/>
                <a:gd name="T90" fmla="*/ 1857 w 2905"/>
                <a:gd name="T91" fmla="*/ 504 h 2903"/>
                <a:gd name="T92" fmla="*/ 1813 w 2905"/>
                <a:gd name="T93" fmla="*/ 399 h 2903"/>
                <a:gd name="T94" fmla="*/ 1780 w 2905"/>
                <a:gd name="T95" fmla="*/ 289 h 2903"/>
                <a:gd name="T96" fmla="*/ 1757 w 2905"/>
                <a:gd name="T97" fmla="*/ 178 h 2903"/>
                <a:gd name="T98" fmla="*/ 1744 w 2905"/>
                <a:gd name="T99" fmla="*/ 60 h 2903"/>
                <a:gd name="T100" fmla="*/ 1744 w 2905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1744" y="0"/>
                  </a:moveTo>
                  <a:lnTo>
                    <a:pt x="0" y="0"/>
                  </a:lnTo>
                  <a:lnTo>
                    <a:pt x="0" y="0"/>
                  </a:lnTo>
                  <a:lnTo>
                    <a:pt x="2" y="75"/>
                  </a:lnTo>
                  <a:lnTo>
                    <a:pt x="4" y="150"/>
                  </a:lnTo>
                  <a:lnTo>
                    <a:pt x="9" y="223"/>
                  </a:lnTo>
                  <a:lnTo>
                    <a:pt x="17" y="297"/>
                  </a:lnTo>
                  <a:lnTo>
                    <a:pt x="24" y="370"/>
                  </a:lnTo>
                  <a:lnTo>
                    <a:pt x="35" y="441"/>
                  </a:lnTo>
                  <a:lnTo>
                    <a:pt x="46" y="515"/>
                  </a:lnTo>
                  <a:lnTo>
                    <a:pt x="61" y="584"/>
                  </a:lnTo>
                  <a:lnTo>
                    <a:pt x="75" y="656"/>
                  </a:lnTo>
                  <a:lnTo>
                    <a:pt x="92" y="725"/>
                  </a:lnTo>
                  <a:lnTo>
                    <a:pt x="112" y="795"/>
                  </a:lnTo>
                  <a:lnTo>
                    <a:pt x="132" y="863"/>
                  </a:lnTo>
                  <a:lnTo>
                    <a:pt x="154" y="930"/>
                  </a:lnTo>
                  <a:lnTo>
                    <a:pt x="178" y="998"/>
                  </a:lnTo>
                  <a:lnTo>
                    <a:pt x="202" y="1064"/>
                  </a:lnTo>
                  <a:lnTo>
                    <a:pt x="229" y="1130"/>
                  </a:lnTo>
                  <a:lnTo>
                    <a:pt x="257" y="1194"/>
                  </a:lnTo>
                  <a:lnTo>
                    <a:pt x="288" y="1258"/>
                  </a:lnTo>
                  <a:lnTo>
                    <a:pt x="319" y="1322"/>
                  </a:lnTo>
                  <a:lnTo>
                    <a:pt x="352" y="1385"/>
                  </a:lnTo>
                  <a:lnTo>
                    <a:pt x="385" y="1445"/>
                  </a:lnTo>
                  <a:lnTo>
                    <a:pt x="422" y="1506"/>
                  </a:lnTo>
                  <a:lnTo>
                    <a:pt x="458" y="1564"/>
                  </a:lnTo>
                  <a:lnTo>
                    <a:pt x="497" y="1623"/>
                  </a:lnTo>
                  <a:lnTo>
                    <a:pt x="537" y="1681"/>
                  </a:lnTo>
                  <a:lnTo>
                    <a:pt x="577" y="1738"/>
                  </a:lnTo>
                  <a:lnTo>
                    <a:pt x="621" y="1793"/>
                  </a:lnTo>
                  <a:lnTo>
                    <a:pt x="663" y="1846"/>
                  </a:lnTo>
                  <a:lnTo>
                    <a:pt x="709" y="1899"/>
                  </a:lnTo>
                  <a:lnTo>
                    <a:pt x="755" y="1952"/>
                  </a:lnTo>
                  <a:lnTo>
                    <a:pt x="802" y="2004"/>
                  </a:lnTo>
                  <a:lnTo>
                    <a:pt x="852" y="2053"/>
                  </a:lnTo>
                  <a:lnTo>
                    <a:pt x="901" y="2103"/>
                  </a:lnTo>
                  <a:lnTo>
                    <a:pt x="953" y="2148"/>
                  </a:lnTo>
                  <a:lnTo>
                    <a:pt x="1004" y="2196"/>
                  </a:lnTo>
                  <a:lnTo>
                    <a:pt x="1057" y="2240"/>
                  </a:lnTo>
                  <a:lnTo>
                    <a:pt x="1112" y="2284"/>
                  </a:lnTo>
                  <a:lnTo>
                    <a:pt x="1167" y="2326"/>
                  </a:lnTo>
                  <a:lnTo>
                    <a:pt x="1224" y="2368"/>
                  </a:lnTo>
                  <a:lnTo>
                    <a:pt x="1280" y="2408"/>
                  </a:lnTo>
                  <a:lnTo>
                    <a:pt x="1339" y="2447"/>
                  </a:lnTo>
                  <a:lnTo>
                    <a:pt x="1399" y="2484"/>
                  </a:lnTo>
                  <a:lnTo>
                    <a:pt x="1460" y="2518"/>
                  </a:lnTo>
                  <a:lnTo>
                    <a:pt x="1520" y="2553"/>
                  </a:lnTo>
                  <a:lnTo>
                    <a:pt x="1583" y="2586"/>
                  </a:lnTo>
                  <a:lnTo>
                    <a:pt x="1645" y="2617"/>
                  </a:lnTo>
                  <a:lnTo>
                    <a:pt x="1709" y="2647"/>
                  </a:lnTo>
                  <a:lnTo>
                    <a:pt x="1775" y="2676"/>
                  </a:lnTo>
                  <a:lnTo>
                    <a:pt x="1839" y="2702"/>
                  </a:lnTo>
                  <a:lnTo>
                    <a:pt x="1907" y="2727"/>
                  </a:lnTo>
                  <a:lnTo>
                    <a:pt x="1973" y="2751"/>
                  </a:lnTo>
                  <a:lnTo>
                    <a:pt x="2040" y="2773"/>
                  </a:lnTo>
                  <a:lnTo>
                    <a:pt x="2110" y="2793"/>
                  </a:lnTo>
                  <a:lnTo>
                    <a:pt x="2180" y="2811"/>
                  </a:lnTo>
                  <a:lnTo>
                    <a:pt x="2249" y="2830"/>
                  </a:lnTo>
                  <a:lnTo>
                    <a:pt x="2319" y="2844"/>
                  </a:lnTo>
                  <a:lnTo>
                    <a:pt x="2390" y="2859"/>
                  </a:lnTo>
                  <a:lnTo>
                    <a:pt x="2462" y="2870"/>
                  </a:lnTo>
                  <a:lnTo>
                    <a:pt x="2535" y="2881"/>
                  </a:lnTo>
                  <a:lnTo>
                    <a:pt x="2608" y="2888"/>
                  </a:lnTo>
                  <a:lnTo>
                    <a:pt x="2681" y="2896"/>
                  </a:lnTo>
                  <a:lnTo>
                    <a:pt x="2755" y="2899"/>
                  </a:lnTo>
                  <a:lnTo>
                    <a:pt x="2830" y="2903"/>
                  </a:lnTo>
                  <a:lnTo>
                    <a:pt x="2905" y="2903"/>
                  </a:lnTo>
                  <a:lnTo>
                    <a:pt x="2905" y="1161"/>
                  </a:lnTo>
                  <a:lnTo>
                    <a:pt x="2905" y="1161"/>
                  </a:lnTo>
                  <a:lnTo>
                    <a:pt x="2844" y="1159"/>
                  </a:lnTo>
                  <a:lnTo>
                    <a:pt x="2786" y="1156"/>
                  </a:lnTo>
                  <a:lnTo>
                    <a:pt x="2727" y="1148"/>
                  </a:lnTo>
                  <a:lnTo>
                    <a:pt x="2670" y="1137"/>
                  </a:lnTo>
                  <a:lnTo>
                    <a:pt x="2614" y="1125"/>
                  </a:lnTo>
                  <a:lnTo>
                    <a:pt x="2559" y="1110"/>
                  </a:lnTo>
                  <a:lnTo>
                    <a:pt x="2506" y="1092"/>
                  </a:lnTo>
                  <a:lnTo>
                    <a:pt x="2452" y="1070"/>
                  </a:lnTo>
                  <a:lnTo>
                    <a:pt x="2401" y="1048"/>
                  </a:lnTo>
                  <a:lnTo>
                    <a:pt x="2350" y="1022"/>
                  </a:lnTo>
                  <a:lnTo>
                    <a:pt x="2302" y="993"/>
                  </a:lnTo>
                  <a:lnTo>
                    <a:pt x="2255" y="963"/>
                  </a:lnTo>
                  <a:lnTo>
                    <a:pt x="2209" y="930"/>
                  </a:lnTo>
                  <a:lnTo>
                    <a:pt x="2165" y="896"/>
                  </a:lnTo>
                  <a:lnTo>
                    <a:pt x="2123" y="859"/>
                  </a:lnTo>
                  <a:lnTo>
                    <a:pt x="2082" y="821"/>
                  </a:lnTo>
                  <a:lnTo>
                    <a:pt x="2044" y="780"/>
                  </a:lnTo>
                  <a:lnTo>
                    <a:pt x="2007" y="738"/>
                  </a:lnTo>
                  <a:lnTo>
                    <a:pt x="1974" y="694"/>
                  </a:lnTo>
                  <a:lnTo>
                    <a:pt x="1941" y="650"/>
                  </a:lnTo>
                  <a:lnTo>
                    <a:pt x="1910" y="603"/>
                  </a:lnTo>
                  <a:lnTo>
                    <a:pt x="1883" y="553"/>
                  </a:lnTo>
                  <a:lnTo>
                    <a:pt x="1857" y="504"/>
                  </a:lnTo>
                  <a:lnTo>
                    <a:pt x="1833" y="452"/>
                  </a:lnTo>
                  <a:lnTo>
                    <a:pt x="1813" y="399"/>
                  </a:lnTo>
                  <a:lnTo>
                    <a:pt x="1795" y="346"/>
                  </a:lnTo>
                  <a:lnTo>
                    <a:pt x="1780" y="289"/>
                  </a:lnTo>
                  <a:lnTo>
                    <a:pt x="1766" y="234"/>
                  </a:lnTo>
                  <a:lnTo>
                    <a:pt x="1757" y="178"/>
                  </a:lnTo>
                  <a:lnTo>
                    <a:pt x="1749" y="119"/>
                  </a:lnTo>
                  <a:lnTo>
                    <a:pt x="1744" y="60"/>
                  </a:lnTo>
                  <a:lnTo>
                    <a:pt x="1744" y="0"/>
                  </a:lnTo>
                  <a:lnTo>
                    <a:pt x="1744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29" name="Freeform: Shape 20"/>
            <p:cNvSpPr/>
            <p:nvPr/>
          </p:nvSpPr>
          <p:spPr bwMode="auto">
            <a:xfrm>
              <a:off x="3213034" y="3691698"/>
              <a:ext cx="1360802" cy="510803"/>
            </a:xfrm>
            <a:custGeom>
              <a:avLst/>
              <a:gdLst>
                <a:gd name="T0" fmla="*/ 0 w 2031"/>
                <a:gd name="T1" fmla="*/ 0 h 762"/>
                <a:gd name="T2" fmla="*/ 1016 w 2031"/>
                <a:gd name="T3" fmla="*/ 762 h 762"/>
                <a:gd name="T4" fmla="*/ 2031 w 2031"/>
                <a:gd name="T5" fmla="*/ 0 h 762"/>
                <a:gd name="T6" fmla="*/ 0 w 2031"/>
                <a:gd name="T7" fmla="*/ 0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1" h="762">
                  <a:moveTo>
                    <a:pt x="0" y="0"/>
                  </a:moveTo>
                  <a:lnTo>
                    <a:pt x="1016" y="762"/>
                  </a:lnTo>
                  <a:lnTo>
                    <a:pt x="2031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30" name="Freeform: Shape 23"/>
            <p:cNvSpPr/>
            <p:nvPr/>
          </p:nvSpPr>
          <p:spPr bwMode="auto">
            <a:xfrm>
              <a:off x="7623216" y="3691698"/>
              <a:ext cx="1360802" cy="510803"/>
            </a:xfrm>
            <a:custGeom>
              <a:avLst/>
              <a:gdLst>
                <a:gd name="T0" fmla="*/ 0 w 2031"/>
                <a:gd name="T1" fmla="*/ 0 h 762"/>
                <a:gd name="T2" fmla="*/ 1015 w 2031"/>
                <a:gd name="T3" fmla="*/ 762 h 762"/>
                <a:gd name="T4" fmla="*/ 2031 w 2031"/>
                <a:gd name="T5" fmla="*/ 0 h 762"/>
                <a:gd name="T6" fmla="*/ 0 w 2031"/>
                <a:gd name="T7" fmla="*/ 0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1" h="762">
                  <a:moveTo>
                    <a:pt x="0" y="0"/>
                  </a:moveTo>
                  <a:lnTo>
                    <a:pt x="1015" y="762"/>
                  </a:lnTo>
                  <a:lnTo>
                    <a:pt x="2031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31" name="Freeform: Shape 25"/>
            <p:cNvSpPr/>
            <p:nvPr/>
          </p:nvSpPr>
          <p:spPr bwMode="auto">
            <a:xfrm>
              <a:off x="4996251" y="2169467"/>
              <a:ext cx="1575297" cy="1575295"/>
            </a:xfrm>
            <a:custGeom>
              <a:avLst/>
              <a:gdLst>
                <a:gd name="T0" fmla="*/ 0 w 2905"/>
                <a:gd name="T1" fmla="*/ 1742 h 2903"/>
                <a:gd name="T2" fmla="*/ 61 w 2905"/>
                <a:gd name="T3" fmla="*/ 1744 h 2903"/>
                <a:gd name="T4" fmla="*/ 178 w 2905"/>
                <a:gd name="T5" fmla="*/ 1755 h 2903"/>
                <a:gd name="T6" fmla="*/ 291 w 2905"/>
                <a:gd name="T7" fmla="*/ 1778 h 2903"/>
                <a:gd name="T8" fmla="*/ 399 w 2905"/>
                <a:gd name="T9" fmla="*/ 1811 h 2903"/>
                <a:gd name="T10" fmla="*/ 504 w 2905"/>
                <a:gd name="T11" fmla="*/ 1855 h 2903"/>
                <a:gd name="T12" fmla="*/ 603 w 2905"/>
                <a:gd name="T13" fmla="*/ 1910 h 2903"/>
                <a:gd name="T14" fmla="*/ 696 w 2905"/>
                <a:gd name="T15" fmla="*/ 1973 h 2903"/>
                <a:gd name="T16" fmla="*/ 782 w 2905"/>
                <a:gd name="T17" fmla="*/ 2044 h 2903"/>
                <a:gd name="T18" fmla="*/ 861 w 2905"/>
                <a:gd name="T19" fmla="*/ 2123 h 2903"/>
                <a:gd name="T20" fmla="*/ 931 w 2905"/>
                <a:gd name="T21" fmla="*/ 2209 h 2903"/>
                <a:gd name="T22" fmla="*/ 995 w 2905"/>
                <a:gd name="T23" fmla="*/ 2300 h 2903"/>
                <a:gd name="T24" fmla="*/ 1048 w 2905"/>
                <a:gd name="T25" fmla="*/ 2399 h 2903"/>
                <a:gd name="T26" fmla="*/ 1092 w 2905"/>
                <a:gd name="T27" fmla="*/ 2504 h 2903"/>
                <a:gd name="T28" fmla="*/ 1125 w 2905"/>
                <a:gd name="T29" fmla="*/ 2614 h 2903"/>
                <a:gd name="T30" fmla="*/ 1148 w 2905"/>
                <a:gd name="T31" fmla="*/ 2725 h 2903"/>
                <a:gd name="T32" fmla="*/ 1161 w 2905"/>
                <a:gd name="T33" fmla="*/ 2843 h 2903"/>
                <a:gd name="T34" fmla="*/ 2905 w 2905"/>
                <a:gd name="T35" fmla="*/ 2903 h 2903"/>
                <a:gd name="T36" fmla="*/ 2903 w 2905"/>
                <a:gd name="T37" fmla="*/ 2828 h 2903"/>
                <a:gd name="T38" fmla="*/ 2896 w 2905"/>
                <a:gd name="T39" fmla="*/ 2680 h 2903"/>
                <a:gd name="T40" fmla="*/ 2881 w 2905"/>
                <a:gd name="T41" fmla="*/ 2533 h 2903"/>
                <a:gd name="T42" fmla="*/ 2859 w 2905"/>
                <a:gd name="T43" fmla="*/ 2388 h 2903"/>
                <a:gd name="T44" fmla="*/ 2830 w 2905"/>
                <a:gd name="T45" fmla="*/ 2247 h 2903"/>
                <a:gd name="T46" fmla="*/ 2793 w 2905"/>
                <a:gd name="T47" fmla="*/ 2108 h 2903"/>
                <a:gd name="T48" fmla="*/ 2751 w 2905"/>
                <a:gd name="T49" fmla="*/ 1973 h 2903"/>
                <a:gd name="T50" fmla="*/ 2703 w 2905"/>
                <a:gd name="T51" fmla="*/ 1839 h 2903"/>
                <a:gd name="T52" fmla="*/ 2648 w 2905"/>
                <a:gd name="T53" fmla="*/ 1709 h 2903"/>
                <a:gd name="T54" fmla="*/ 2586 w 2905"/>
                <a:gd name="T55" fmla="*/ 1581 h 2903"/>
                <a:gd name="T56" fmla="*/ 2520 w 2905"/>
                <a:gd name="T57" fmla="*/ 1458 h 2903"/>
                <a:gd name="T58" fmla="*/ 2447 w 2905"/>
                <a:gd name="T59" fmla="*/ 1339 h 2903"/>
                <a:gd name="T60" fmla="*/ 2368 w 2905"/>
                <a:gd name="T61" fmla="*/ 1222 h 2903"/>
                <a:gd name="T62" fmla="*/ 2284 w 2905"/>
                <a:gd name="T63" fmla="*/ 1110 h 2903"/>
                <a:gd name="T64" fmla="*/ 2196 w 2905"/>
                <a:gd name="T65" fmla="*/ 1004 h 2903"/>
                <a:gd name="T66" fmla="*/ 2103 w 2905"/>
                <a:gd name="T67" fmla="*/ 899 h 2903"/>
                <a:gd name="T68" fmla="*/ 2004 w 2905"/>
                <a:gd name="T69" fmla="*/ 800 h 2903"/>
                <a:gd name="T70" fmla="*/ 1901 w 2905"/>
                <a:gd name="T71" fmla="*/ 707 h 2903"/>
                <a:gd name="T72" fmla="*/ 1793 w 2905"/>
                <a:gd name="T73" fmla="*/ 619 h 2903"/>
                <a:gd name="T74" fmla="*/ 1681 w 2905"/>
                <a:gd name="T75" fmla="*/ 535 h 2903"/>
                <a:gd name="T76" fmla="*/ 1566 w 2905"/>
                <a:gd name="T77" fmla="*/ 456 h 2903"/>
                <a:gd name="T78" fmla="*/ 1445 w 2905"/>
                <a:gd name="T79" fmla="*/ 385 h 2903"/>
                <a:gd name="T80" fmla="*/ 1322 w 2905"/>
                <a:gd name="T81" fmla="*/ 317 h 2903"/>
                <a:gd name="T82" fmla="*/ 1196 w 2905"/>
                <a:gd name="T83" fmla="*/ 256 h 2903"/>
                <a:gd name="T84" fmla="*/ 1066 w 2905"/>
                <a:gd name="T85" fmla="*/ 201 h 2903"/>
                <a:gd name="T86" fmla="*/ 932 w 2905"/>
                <a:gd name="T87" fmla="*/ 152 h 2903"/>
                <a:gd name="T88" fmla="*/ 795 w 2905"/>
                <a:gd name="T89" fmla="*/ 110 h 2903"/>
                <a:gd name="T90" fmla="*/ 656 w 2905"/>
                <a:gd name="T91" fmla="*/ 73 h 2903"/>
                <a:gd name="T92" fmla="*/ 515 w 2905"/>
                <a:gd name="T93" fmla="*/ 44 h 2903"/>
                <a:gd name="T94" fmla="*/ 370 w 2905"/>
                <a:gd name="T95" fmla="*/ 22 h 2903"/>
                <a:gd name="T96" fmla="*/ 224 w 2905"/>
                <a:gd name="T97" fmla="*/ 7 h 2903"/>
                <a:gd name="T98" fmla="*/ 75 w 2905"/>
                <a:gd name="T99" fmla="*/ 0 h 2903"/>
                <a:gd name="T100" fmla="*/ 0 w 2905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0" y="0"/>
                  </a:moveTo>
                  <a:lnTo>
                    <a:pt x="0" y="1742"/>
                  </a:lnTo>
                  <a:lnTo>
                    <a:pt x="0" y="1742"/>
                  </a:lnTo>
                  <a:lnTo>
                    <a:pt x="61" y="1744"/>
                  </a:lnTo>
                  <a:lnTo>
                    <a:pt x="119" y="1747"/>
                  </a:lnTo>
                  <a:lnTo>
                    <a:pt x="178" y="1755"/>
                  </a:lnTo>
                  <a:lnTo>
                    <a:pt x="235" y="1766"/>
                  </a:lnTo>
                  <a:lnTo>
                    <a:pt x="291" y="1778"/>
                  </a:lnTo>
                  <a:lnTo>
                    <a:pt x="346" y="1793"/>
                  </a:lnTo>
                  <a:lnTo>
                    <a:pt x="399" y="1811"/>
                  </a:lnTo>
                  <a:lnTo>
                    <a:pt x="453" y="1833"/>
                  </a:lnTo>
                  <a:lnTo>
                    <a:pt x="504" y="1855"/>
                  </a:lnTo>
                  <a:lnTo>
                    <a:pt x="555" y="1881"/>
                  </a:lnTo>
                  <a:lnTo>
                    <a:pt x="603" y="1910"/>
                  </a:lnTo>
                  <a:lnTo>
                    <a:pt x="650" y="1940"/>
                  </a:lnTo>
                  <a:lnTo>
                    <a:pt x="696" y="1973"/>
                  </a:lnTo>
                  <a:lnTo>
                    <a:pt x="740" y="2007"/>
                  </a:lnTo>
                  <a:lnTo>
                    <a:pt x="782" y="2044"/>
                  </a:lnTo>
                  <a:lnTo>
                    <a:pt x="823" y="2082"/>
                  </a:lnTo>
                  <a:lnTo>
                    <a:pt x="861" y="2123"/>
                  </a:lnTo>
                  <a:lnTo>
                    <a:pt x="898" y="2165"/>
                  </a:lnTo>
                  <a:lnTo>
                    <a:pt x="931" y="2209"/>
                  </a:lnTo>
                  <a:lnTo>
                    <a:pt x="964" y="2253"/>
                  </a:lnTo>
                  <a:lnTo>
                    <a:pt x="995" y="2300"/>
                  </a:lnTo>
                  <a:lnTo>
                    <a:pt x="1022" y="2350"/>
                  </a:lnTo>
                  <a:lnTo>
                    <a:pt x="1048" y="2399"/>
                  </a:lnTo>
                  <a:lnTo>
                    <a:pt x="1072" y="2451"/>
                  </a:lnTo>
                  <a:lnTo>
                    <a:pt x="1092" y="2504"/>
                  </a:lnTo>
                  <a:lnTo>
                    <a:pt x="1110" y="2557"/>
                  </a:lnTo>
                  <a:lnTo>
                    <a:pt x="1125" y="2614"/>
                  </a:lnTo>
                  <a:lnTo>
                    <a:pt x="1139" y="2669"/>
                  </a:lnTo>
                  <a:lnTo>
                    <a:pt x="1148" y="2725"/>
                  </a:lnTo>
                  <a:lnTo>
                    <a:pt x="1156" y="2784"/>
                  </a:lnTo>
                  <a:lnTo>
                    <a:pt x="1161" y="2843"/>
                  </a:lnTo>
                  <a:lnTo>
                    <a:pt x="1161" y="2903"/>
                  </a:lnTo>
                  <a:lnTo>
                    <a:pt x="2905" y="2903"/>
                  </a:lnTo>
                  <a:lnTo>
                    <a:pt x="2905" y="2903"/>
                  </a:lnTo>
                  <a:lnTo>
                    <a:pt x="2903" y="2828"/>
                  </a:lnTo>
                  <a:lnTo>
                    <a:pt x="2901" y="2753"/>
                  </a:lnTo>
                  <a:lnTo>
                    <a:pt x="2896" y="2680"/>
                  </a:lnTo>
                  <a:lnTo>
                    <a:pt x="2888" y="2606"/>
                  </a:lnTo>
                  <a:lnTo>
                    <a:pt x="2881" y="2533"/>
                  </a:lnTo>
                  <a:lnTo>
                    <a:pt x="2870" y="2462"/>
                  </a:lnTo>
                  <a:lnTo>
                    <a:pt x="2859" y="2388"/>
                  </a:lnTo>
                  <a:lnTo>
                    <a:pt x="2844" y="2319"/>
                  </a:lnTo>
                  <a:lnTo>
                    <a:pt x="2830" y="2247"/>
                  </a:lnTo>
                  <a:lnTo>
                    <a:pt x="2813" y="2178"/>
                  </a:lnTo>
                  <a:lnTo>
                    <a:pt x="2793" y="2108"/>
                  </a:lnTo>
                  <a:lnTo>
                    <a:pt x="2773" y="2040"/>
                  </a:lnTo>
                  <a:lnTo>
                    <a:pt x="2751" y="1973"/>
                  </a:lnTo>
                  <a:lnTo>
                    <a:pt x="2727" y="1905"/>
                  </a:lnTo>
                  <a:lnTo>
                    <a:pt x="2703" y="1839"/>
                  </a:lnTo>
                  <a:lnTo>
                    <a:pt x="2676" y="1773"/>
                  </a:lnTo>
                  <a:lnTo>
                    <a:pt x="2648" y="1709"/>
                  </a:lnTo>
                  <a:lnTo>
                    <a:pt x="2617" y="1645"/>
                  </a:lnTo>
                  <a:lnTo>
                    <a:pt x="2586" y="1581"/>
                  </a:lnTo>
                  <a:lnTo>
                    <a:pt x="2553" y="1518"/>
                  </a:lnTo>
                  <a:lnTo>
                    <a:pt x="2520" y="1458"/>
                  </a:lnTo>
                  <a:lnTo>
                    <a:pt x="2483" y="1397"/>
                  </a:lnTo>
                  <a:lnTo>
                    <a:pt x="2447" y="1339"/>
                  </a:lnTo>
                  <a:lnTo>
                    <a:pt x="2408" y="1280"/>
                  </a:lnTo>
                  <a:lnTo>
                    <a:pt x="2368" y="1222"/>
                  </a:lnTo>
                  <a:lnTo>
                    <a:pt x="2328" y="1165"/>
                  </a:lnTo>
                  <a:lnTo>
                    <a:pt x="2284" y="1110"/>
                  </a:lnTo>
                  <a:lnTo>
                    <a:pt x="2242" y="1057"/>
                  </a:lnTo>
                  <a:lnTo>
                    <a:pt x="2196" y="1004"/>
                  </a:lnTo>
                  <a:lnTo>
                    <a:pt x="2150" y="951"/>
                  </a:lnTo>
                  <a:lnTo>
                    <a:pt x="2103" y="899"/>
                  </a:lnTo>
                  <a:lnTo>
                    <a:pt x="2053" y="850"/>
                  </a:lnTo>
                  <a:lnTo>
                    <a:pt x="2004" y="800"/>
                  </a:lnTo>
                  <a:lnTo>
                    <a:pt x="1952" y="755"/>
                  </a:lnTo>
                  <a:lnTo>
                    <a:pt x="1901" y="707"/>
                  </a:lnTo>
                  <a:lnTo>
                    <a:pt x="1848" y="663"/>
                  </a:lnTo>
                  <a:lnTo>
                    <a:pt x="1793" y="619"/>
                  </a:lnTo>
                  <a:lnTo>
                    <a:pt x="1738" y="577"/>
                  </a:lnTo>
                  <a:lnTo>
                    <a:pt x="1681" y="535"/>
                  </a:lnTo>
                  <a:lnTo>
                    <a:pt x="1625" y="495"/>
                  </a:lnTo>
                  <a:lnTo>
                    <a:pt x="1566" y="456"/>
                  </a:lnTo>
                  <a:lnTo>
                    <a:pt x="1506" y="419"/>
                  </a:lnTo>
                  <a:lnTo>
                    <a:pt x="1445" y="385"/>
                  </a:lnTo>
                  <a:lnTo>
                    <a:pt x="1385" y="350"/>
                  </a:lnTo>
                  <a:lnTo>
                    <a:pt x="1322" y="317"/>
                  </a:lnTo>
                  <a:lnTo>
                    <a:pt x="1260" y="286"/>
                  </a:lnTo>
                  <a:lnTo>
                    <a:pt x="1196" y="256"/>
                  </a:lnTo>
                  <a:lnTo>
                    <a:pt x="1130" y="227"/>
                  </a:lnTo>
                  <a:lnTo>
                    <a:pt x="1066" y="201"/>
                  </a:lnTo>
                  <a:lnTo>
                    <a:pt x="998" y="176"/>
                  </a:lnTo>
                  <a:lnTo>
                    <a:pt x="932" y="152"/>
                  </a:lnTo>
                  <a:lnTo>
                    <a:pt x="865" y="130"/>
                  </a:lnTo>
                  <a:lnTo>
                    <a:pt x="795" y="110"/>
                  </a:lnTo>
                  <a:lnTo>
                    <a:pt x="725" y="92"/>
                  </a:lnTo>
                  <a:lnTo>
                    <a:pt x="656" y="73"/>
                  </a:lnTo>
                  <a:lnTo>
                    <a:pt x="586" y="59"/>
                  </a:lnTo>
                  <a:lnTo>
                    <a:pt x="515" y="44"/>
                  </a:lnTo>
                  <a:lnTo>
                    <a:pt x="443" y="33"/>
                  </a:lnTo>
                  <a:lnTo>
                    <a:pt x="370" y="22"/>
                  </a:lnTo>
                  <a:lnTo>
                    <a:pt x="297" y="15"/>
                  </a:lnTo>
                  <a:lnTo>
                    <a:pt x="224" y="7"/>
                  </a:lnTo>
                  <a:lnTo>
                    <a:pt x="150" y="4"/>
                  </a:lnTo>
                  <a:lnTo>
                    <a:pt x="75" y="0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32" name="Freeform: Shape 26"/>
            <p:cNvSpPr/>
            <p:nvPr/>
          </p:nvSpPr>
          <p:spPr bwMode="auto">
            <a:xfrm>
              <a:off x="5417452" y="3285940"/>
              <a:ext cx="1362143" cy="510803"/>
            </a:xfrm>
            <a:custGeom>
              <a:avLst/>
              <a:gdLst>
                <a:gd name="T0" fmla="*/ 2032 w 2032"/>
                <a:gd name="T1" fmla="*/ 762 h 762"/>
                <a:gd name="T2" fmla="*/ 1016 w 2032"/>
                <a:gd name="T3" fmla="*/ 0 h 762"/>
                <a:gd name="T4" fmla="*/ 0 w 2032"/>
                <a:gd name="T5" fmla="*/ 762 h 762"/>
                <a:gd name="T6" fmla="*/ 2032 w 2032"/>
                <a:gd name="T7" fmla="*/ 762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2" h="762">
                  <a:moveTo>
                    <a:pt x="2032" y="762"/>
                  </a:moveTo>
                  <a:lnTo>
                    <a:pt x="1016" y="0"/>
                  </a:lnTo>
                  <a:lnTo>
                    <a:pt x="0" y="762"/>
                  </a:lnTo>
                  <a:lnTo>
                    <a:pt x="2032" y="762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</p:grpSp>
      <p:grpSp>
        <p:nvGrpSpPr>
          <p:cNvPr id="33" name="组合 1"/>
          <p:cNvGrpSpPr/>
          <p:nvPr/>
        </p:nvGrpSpPr>
        <p:grpSpPr>
          <a:xfrm rot="19636238">
            <a:off x="11129055" y="5924108"/>
            <a:ext cx="1193616" cy="933901"/>
            <a:chOff x="3213034" y="2169467"/>
            <a:chExt cx="5770984" cy="3149507"/>
          </a:xfrm>
        </p:grpSpPr>
        <p:sp>
          <p:nvSpPr>
            <p:cNvPr id="34" name="Oval 32"/>
            <p:cNvSpPr/>
            <p:nvPr/>
          </p:nvSpPr>
          <p:spPr>
            <a:xfrm>
              <a:off x="6650647" y="3206028"/>
              <a:ext cx="1084349" cy="1084349"/>
            </a:xfrm>
            <a:prstGeom prst="ellipse">
              <a:avLst/>
            </a:prstGeom>
            <a:solidFill>
              <a:schemeClr val="bg1">
                <a:lumMod val="9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35" name="Oval 30"/>
            <p:cNvSpPr/>
            <p:nvPr/>
          </p:nvSpPr>
          <p:spPr>
            <a:xfrm>
              <a:off x="4444881" y="3206028"/>
              <a:ext cx="1084349" cy="1084349"/>
            </a:xfrm>
            <a:prstGeom prst="ellipse">
              <a:avLst/>
            </a:prstGeom>
            <a:solidFill>
              <a:schemeClr val="bg1">
                <a:lumMod val="9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36" name="Freeform: Shape 13"/>
            <p:cNvSpPr/>
            <p:nvPr/>
          </p:nvSpPr>
          <p:spPr bwMode="auto">
            <a:xfrm>
              <a:off x="5625502" y="2169467"/>
              <a:ext cx="1575298" cy="1575295"/>
            </a:xfrm>
            <a:custGeom>
              <a:avLst/>
              <a:gdLst>
                <a:gd name="T0" fmla="*/ 2905 w 2905"/>
                <a:gd name="T1" fmla="*/ 0 h 2903"/>
                <a:gd name="T2" fmla="*/ 2830 w 2905"/>
                <a:gd name="T3" fmla="*/ 0 h 2903"/>
                <a:gd name="T4" fmla="*/ 2681 w 2905"/>
                <a:gd name="T5" fmla="*/ 7 h 2903"/>
                <a:gd name="T6" fmla="*/ 2535 w 2905"/>
                <a:gd name="T7" fmla="*/ 22 h 2903"/>
                <a:gd name="T8" fmla="*/ 2390 w 2905"/>
                <a:gd name="T9" fmla="*/ 44 h 2903"/>
                <a:gd name="T10" fmla="*/ 2249 w 2905"/>
                <a:gd name="T11" fmla="*/ 73 h 2903"/>
                <a:gd name="T12" fmla="*/ 2110 w 2905"/>
                <a:gd name="T13" fmla="*/ 110 h 2903"/>
                <a:gd name="T14" fmla="*/ 1973 w 2905"/>
                <a:gd name="T15" fmla="*/ 152 h 2903"/>
                <a:gd name="T16" fmla="*/ 1839 w 2905"/>
                <a:gd name="T17" fmla="*/ 201 h 2903"/>
                <a:gd name="T18" fmla="*/ 1709 w 2905"/>
                <a:gd name="T19" fmla="*/ 256 h 2903"/>
                <a:gd name="T20" fmla="*/ 1583 w 2905"/>
                <a:gd name="T21" fmla="*/ 317 h 2903"/>
                <a:gd name="T22" fmla="*/ 1460 w 2905"/>
                <a:gd name="T23" fmla="*/ 385 h 2903"/>
                <a:gd name="T24" fmla="*/ 1339 w 2905"/>
                <a:gd name="T25" fmla="*/ 456 h 2903"/>
                <a:gd name="T26" fmla="*/ 1224 w 2905"/>
                <a:gd name="T27" fmla="*/ 535 h 2903"/>
                <a:gd name="T28" fmla="*/ 1112 w 2905"/>
                <a:gd name="T29" fmla="*/ 619 h 2903"/>
                <a:gd name="T30" fmla="*/ 1004 w 2905"/>
                <a:gd name="T31" fmla="*/ 707 h 2903"/>
                <a:gd name="T32" fmla="*/ 901 w 2905"/>
                <a:gd name="T33" fmla="*/ 800 h 2903"/>
                <a:gd name="T34" fmla="*/ 802 w 2905"/>
                <a:gd name="T35" fmla="*/ 899 h 2903"/>
                <a:gd name="T36" fmla="*/ 709 w 2905"/>
                <a:gd name="T37" fmla="*/ 1004 h 2903"/>
                <a:gd name="T38" fmla="*/ 621 w 2905"/>
                <a:gd name="T39" fmla="*/ 1110 h 2903"/>
                <a:gd name="T40" fmla="*/ 537 w 2905"/>
                <a:gd name="T41" fmla="*/ 1222 h 2903"/>
                <a:gd name="T42" fmla="*/ 458 w 2905"/>
                <a:gd name="T43" fmla="*/ 1339 h 2903"/>
                <a:gd name="T44" fmla="*/ 385 w 2905"/>
                <a:gd name="T45" fmla="*/ 1458 h 2903"/>
                <a:gd name="T46" fmla="*/ 319 w 2905"/>
                <a:gd name="T47" fmla="*/ 1581 h 2903"/>
                <a:gd name="T48" fmla="*/ 257 w 2905"/>
                <a:gd name="T49" fmla="*/ 1709 h 2903"/>
                <a:gd name="T50" fmla="*/ 202 w 2905"/>
                <a:gd name="T51" fmla="*/ 1839 h 2903"/>
                <a:gd name="T52" fmla="*/ 154 w 2905"/>
                <a:gd name="T53" fmla="*/ 1973 h 2903"/>
                <a:gd name="T54" fmla="*/ 112 w 2905"/>
                <a:gd name="T55" fmla="*/ 2108 h 2903"/>
                <a:gd name="T56" fmla="*/ 75 w 2905"/>
                <a:gd name="T57" fmla="*/ 2247 h 2903"/>
                <a:gd name="T58" fmla="*/ 46 w 2905"/>
                <a:gd name="T59" fmla="*/ 2388 h 2903"/>
                <a:gd name="T60" fmla="*/ 24 w 2905"/>
                <a:gd name="T61" fmla="*/ 2533 h 2903"/>
                <a:gd name="T62" fmla="*/ 9 w 2905"/>
                <a:gd name="T63" fmla="*/ 2680 h 2903"/>
                <a:gd name="T64" fmla="*/ 2 w 2905"/>
                <a:gd name="T65" fmla="*/ 2828 h 2903"/>
                <a:gd name="T66" fmla="*/ 1744 w 2905"/>
                <a:gd name="T67" fmla="*/ 2903 h 2903"/>
                <a:gd name="T68" fmla="*/ 1744 w 2905"/>
                <a:gd name="T69" fmla="*/ 2843 h 2903"/>
                <a:gd name="T70" fmla="*/ 1757 w 2905"/>
                <a:gd name="T71" fmla="*/ 2725 h 2903"/>
                <a:gd name="T72" fmla="*/ 1780 w 2905"/>
                <a:gd name="T73" fmla="*/ 2614 h 2903"/>
                <a:gd name="T74" fmla="*/ 1813 w 2905"/>
                <a:gd name="T75" fmla="*/ 2504 h 2903"/>
                <a:gd name="T76" fmla="*/ 1857 w 2905"/>
                <a:gd name="T77" fmla="*/ 2399 h 2903"/>
                <a:gd name="T78" fmla="*/ 1910 w 2905"/>
                <a:gd name="T79" fmla="*/ 2300 h 2903"/>
                <a:gd name="T80" fmla="*/ 1974 w 2905"/>
                <a:gd name="T81" fmla="*/ 2209 h 2903"/>
                <a:gd name="T82" fmla="*/ 2044 w 2905"/>
                <a:gd name="T83" fmla="*/ 2123 h 2903"/>
                <a:gd name="T84" fmla="*/ 2123 w 2905"/>
                <a:gd name="T85" fmla="*/ 2044 h 2903"/>
                <a:gd name="T86" fmla="*/ 2209 w 2905"/>
                <a:gd name="T87" fmla="*/ 1973 h 2903"/>
                <a:gd name="T88" fmla="*/ 2302 w 2905"/>
                <a:gd name="T89" fmla="*/ 1910 h 2903"/>
                <a:gd name="T90" fmla="*/ 2401 w 2905"/>
                <a:gd name="T91" fmla="*/ 1855 h 2903"/>
                <a:gd name="T92" fmla="*/ 2506 w 2905"/>
                <a:gd name="T93" fmla="*/ 1811 h 2903"/>
                <a:gd name="T94" fmla="*/ 2614 w 2905"/>
                <a:gd name="T95" fmla="*/ 1778 h 2903"/>
                <a:gd name="T96" fmla="*/ 2727 w 2905"/>
                <a:gd name="T97" fmla="*/ 1755 h 2903"/>
                <a:gd name="T98" fmla="*/ 2844 w 2905"/>
                <a:gd name="T99" fmla="*/ 1744 h 2903"/>
                <a:gd name="T100" fmla="*/ 2905 w 2905"/>
                <a:gd name="T101" fmla="*/ 1742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2905" y="1742"/>
                  </a:moveTo>
                  <a:lnTo>
                    <a:pt x="2905" y="0"/>
                  </a:lnTo>
                  <a:lnTo>
                    <a:pt x="2905" y="0"/>
                  </a:lnTo>
                  <a:lnTo>
                    <a:pt x="2830" y="0"/>
                  </a:lnTo>
                  <a:lnTo>
                    <a:pt x="2755" y="4"/>
                  </a:lnTo>
                  <a:lnTo>
                    <a:pt x="2681" y="7"/>
                  </a:lnTo>
                  <a:lnTo>
                    <a:pt x="2608" y="15"/>
                  </a:lnTo>
                  <a:lnTo>
                    <a:pt x="2535" y="22"/>
                  </a:lnTo>
                  <a:lnTo>
                    <a:pt x="2462" y="33"/>
                  </a:lnTo>
                  <a:lnTo>
                    <a:pt x="2390" y="44"/>
                  </a:lnTo>
                  <a:lnTo>
                    <a:pt x="2319" y="59"/>
                  </a:lnTo>
                  <a:lnTo>
                    <a:pt x="2249" y="73"/>
                  </a:lnTo>
                  <a:lnTo>
                    <a:pt x="2180" y="92"/>
                  </a:lnTo>
                  <a:lnTo>
                    <a:pt x="2110" y="110"/>
                  </a:lnTo>
                  <a:lnTo>
                    <a:pt x="2040" y="130"/>
                  </a:lnTo>
                  <a:lnTo>
                    <a:pt x="1973" y="152"/>
                  </a:lnTo>
                  <a:lnTo>
                    <a:pt x="1907" y="176"/>
                  </a:lnTo>
                  <a:lnTo>
                    <a:pt x="1839" y="201"/>
                  </a:lnTo>
                  <a:lnTo>
                    <a:pt x="1775" y="227"/>
                  </a:lnTo>
                  <a:lnTo>
                    <a:pt x="1709" y="256"/>
                  </a:lnTo>
                  <a:lnTo>
                    <a:pt x="1645" y="286"/>
                  </a:lnTo>
                  <a:lnTo>
                    <a:pt x="1583" y="317"/>
                  </a:lnTo>
                  <a:lnTo>
                    <a:pt x="1520" y="350"/>
                  </a:lnTo>
                  <a:lnTo>
                    <a:pt x="1460" y="385"/>
                  </a:lnTo>
                  <a:lnTo>
                    <a:pt x="1399" y="419"/>
                  </a:lnTo>
                  <a:lnTo>
                    <a:pt x="1339" y="456"/>
                  </a:lnTo>
                  <a:lnTo>
                    <a:pt x="1280" y="495"/>
                  </a:lnTo>
                  <a:lnTo>
                    <a:pt x="1224" y="535"/>
                  </a:lnTo>
                  <a:lnTo>
                    <a:pt x="1167" y="577"/>
                  </a:lnTo>
                  <a:lnTo>
                    <a:pt x="1112" y="619"/>
                  </a:lnTo>
                  <a:lnTo>
                    <a:pt x="1057" y="663"/>
                  </a:lnTo>
                  <a:lnTo>
                    <a:pt x="1004" y="707"/>
                  </a:lnTo>
                  <a:lnTo>
                    <a:pt x="953" y="755"/>
                  </a:lnTo>
                  <a:lnTo>
                    <a:pt x="901" y="800"/>
                  </a:lnTo>
                  <a:lnTo>
                    <a:pt x="852" y="850"/>
                  </a:lnTo>
                  <a:lnTo>
                    <a:pt x="802" y="899"/>
                  </a:lnTo>
                  <a:lnTo>
                    <a:pt x="755" y="951"/>
                  </a:lnTo>
                  <a:lnTo>
                    <a:pt x="709" y="1004"/>
                  </a:lnTo>
                  <a:lnTo>
                    <a:pt x="663" y="1057"/>
                  </a:lnTo>
                  <a:lnTo>
                    <a:pt x="621" y="1110"/>
                  </a:lnTo>
                  <a:lnTo>
                    <a:pt x="577" y="1165"/>
                  </a:lnTo>
                  <a:lnTo>
                    <a:pt x="537" y="1222"/>
                  </a:lnTo>
                  <a:lnTo>
                    <a:pt x="497" y="1280"/>
                  </a:lnTo>
                  <a:lnTo>
                    <a:pt x="458" y="1339"/>
                  </a:lnTo>
                  <a:lnTo>
                    <a:pt x="422" y="1397"/>
                  </a:lnTo>
                  <a:lnTo>
                    <a:pt x="385" y="1458"/>
                  </a:lnTo>
                  <a:lnTo>
                    <a:pt x="352" y="1518"/>
                  </a:lnTo>
                  <a:lnTo>
                    <a:pt x="319" y="1581"/>
                  </a:lnTo>
                  <a:lnTo>
                    <a:pt x="288" y="1645"/>
                  </a:lnTo>
                  <a:lnTo>
                    <a:pt x="257" y="1709"/>
                  </a:lnTo>
                  <a:lnTo>
                    <a:pt x="229" y="1773"/>
                  </a:lnTo>
                  <a:lnTo>
                    <a:pt x="202" y="1839"/>
                  </a:lnTo>
                  <a:lnTo>
                    <a:pt x="178" y="1905"/>
                  </a:lnTo>
                  <a:lnTo>
                    <a:pt x="154" y="1973"/>
                  </a:lnTo>
                  <a:lnTo>
                    <a:pt x="132" y="2040"/>
                  </a:lnTo>
                  <a:lnTo>
                    <a:pt x="112" y="2108"/>
                  </a:lnTo>
                  <a:lnTo>
                    <a:pt x="92" y="2178"/>
                  </a:lnTo>
                  <a:lnTo>
                    <a:pt x="75" y="2247"/>
                  </a:lnTo>
                  <a:lnTo>
                    <a:pt x="61" y="2319"/>
                  </a:lnTo>
                  <a:lnTo>
                    <a:pt x="46" y="2388"/>
                  </a:lnTo>
                  <a:lnTo>
                    <a:pt x="35" y="2462"/>
                  </a:lnTo>
                  <a:lnTo>
                    <a:pt x="24" y="2533"/>
                  </a:lnTo>
                  <a:lnTo>
                    <a:pt x="17" y="2606"/>
                  </a:lnTo>
                  <a:lnTo>
                    <a:pt x="9" y="2680"/>
                  </a:lnTo>
                  <a:lnTo>
                    <a:pt x="4" y="2753"/>
                  </a:lnTo>
                  <a:lnTo>
                    <a:pt x="2" y="2828"/>
                  </a:lnTo>
                  <a:lnTo>
                    <a:pt x="0" y="2903"/>
                  </a:lnTo>
                  <a:lnTo>
                    <a:pt x="1744" y="2903"/>
                  </a:lnTo>
                  <a:lnTo>
                    <a:pt x="1744" y="2903"/>
                  </a:lnTo>
                  <a:lnTo>
                    <a:pt x="1744" y="2843"/>
                  </a:lnTo>
                  <a:lnTo>
                    <a:pt x="1749" y="2784"/>
                  </a:lnTo>
                  <a:lnTo>
                    <a:pt x="1757" y="2725"/>
                  </a:lnTo>
                  <a:lnTo>
                    <a:pt x="1766" y="2669"/>
                  </a:lnTo>
                  <a:lnTo>
                    <a:pt x="1780" y="2614"/>
                  </a:lnTo>
                  <a:lnTo>
                    <a:pt x="1795" y="2557"/>
                  </a:lnTo>
                  <a:lnTo>
                    <a:pt x="1813" y="2504"/>
                  </a:lnTo>
                  <a:lnTo>
                    <a:pt x="1833" y="2451"/>
                  </a:lnTo>
                  <a:lnTo>
                    <a:pt x="1857" y="2399"/>
                  </a:lnTo>
                  <a:lnTo>
                    <a:pt x="1883" y="2350"/>
                  </a:lnTo>
                  <a:lnTo>
                    <a:pt x="1910" y="2300"/>
                  </a:lnTo>
                  <a:lnTo>
                    <a:pt x="1941" y="2253"/>
                  </a:lnTo>
                  <a:lnTo>
                    <a:pt x="1974" y="2209"/>
                  </a:lnTo>
                  <a:lnTo>
                    <a:pt x="2007" y="2165"/>
                  </a:lnTo>
                  <a:lnTo>
                    <a:pt x="2044" y="2123"/>
                  </a:lnTo>
                  <a:lnTo>
                    <a:pt x="2082" y="2082"/>
                  </a:lnTo>
                  <a:lnTo>
                    <a:pt x="2123" y="2044"/>
                  </a:lnTo>
                  <a:lnTo>
                    <a:pt x="2165" y="2007"/>
                  </a:lnTo>
                  <a:lnTo>
                    <a:pt x="2209" y="1973"/>
                  </a:lnTo>
                  <a:lnTo>
                    <a:pt x="2255" y="1940"/>
                  </a:lnTo>
                  <a:lnTo>
                    <a:pt x="2302" y="1910"/>
                  </a:lnTo>
                  <a:lnTo>
                    <a:pt x="2350" y="1881"/>
                  </a:lnTo>
                  <a:lnTo>
                    <a:pt x="2401" y="1855"/>
                  </a:lnTo>
                  <a:lnTo>
                    <a:pt x="2452" y="1833"/>
                  </a:lnTo>
                  <a:lnTo>
                    <a:pt x="2506" y="1811"/>
                  </a:lnTo>
                  <a:lnTo>
                    <a:pt x="2559" y="1793"/>
                  </a:lnTo>
                  <a:lnTo>
                    <a:pt x="2614" y="1778"/>
                  </a:lnTo>
                  <a:lnTo>
                    <a:pt x="2670" y="1766"/>
                  </a:lnTo>
                  <a:lnTo>
                    <a:pt x="2727" y="1755"/>
                  </a:lnTo>
                  <a:lnTo>
                    <a:pt x="2786" y="1747"/>
                  </a:lnTo>
                  <a:lnTo>
                    <a:pt x="2844" y="1744"/>
                  </a:lnTo>
                  <a:lnTo>
                    <a:pt x="2905" y="1742"/>
                  </a:lnTo>
                  <a:lnTo>
                    <a:pt x="2905" y="1742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37" name="Freeform: Shape 14"/>
            <p:cNvSpPr/>
            <p:nvPr/>
          </p:nvSpPr>
          <p:spPr bwMode="auto">
            <a:xfrm>
              <a:off x="7200800" y="2169467"/>
              <a:ext cx="1575298" cy="1575295"/>
            </a:xfrm>
            <a:custGeom>
              <a:avLst/>
              <a:gdLst>
                <a:gd name="T0" fmla="*/ 0 w 2902"/>
                <a:gd name="T1" fmla="*/ 1742 h 2903"/>
                <a:gd name="T2" fmla="*/ 58 w 2902"/>
                <a:gd name="T3" fmla="*/ 1744 h 2903"/>
                <a:gd name="T4" fmla="*/ 176 w 2902"/>
                <a:gd name="T5" fmla="*/ 1755 h 2903"/>
                <a:gd name="T6" fmla="*/ 289 w 2902"/>
                <a:gd name="T7" fmla="*/ 1778 h 2903"/>
                <a:gd name="T8" fmla="*/ 399 w 2902"/>
                <a:gd name="T9" fmla="*/ 1811 h 2903"/>
                <a:gd name="T10" fmla="*/ 503 w 2902"/>
                <a:gd name="T11" fmla="*/ 1855 h 2903"/>
                <a:gd name="T12" fmla="*/ 602 w 2902"/>
                <a:gd name="T13" fmla="*/ 1910 h 2903"/>
                <a:gd name="T14" fmla="*/ 694 w 2902"/>
                <a:gd name="T15" fmla="*/ 1973 h 2903"/>
                <a:gd name="T16" fmla="*/ 780 w 2902"/>
                <a:gd name="T17" fmla="*/ 2044 h 2903"/>
                <a:gd name="T18" fmla="*/ 859 w 2902"/>
                <a:gd name="T19" fmla="*/ 2123 h 2903"/>
                <a:gd name="T20" fmla="*/ 930 w 2902"/>
                <a:gd name="T21" fmla="*/ 2209 h 2903"/>
                <a:gd name="T22" fmla="*/ 992 w 2902"/>
                <a:gd name="T23" fmla="*/ 2300 h 2903"/>
                <a:gd name="T24" fmla="*/ 1045 w 2902"/>
                <a:gd name="T25" fmla="*/ 2399 h 2903"/>
                <a:gd name="T26" fmla="*/ 1089 w 2902"/>
                <a:gd name="T27" fmla="*/ 2504 h 2903"/>
                <a:gd name="T28" fmla="*/ 1124 w 2902"/>
                <a:gd name="T29" fmla="*/ 2614 h 2903"/>
                <a:gd name="T30" fmla="*/ 1148 w 2902"/>
                <a:gd name="T31" fmla="*/ 2725 h 2903"/>
                <a:gd name="T32" fmla="*/ 1159 w 2902"/>
                <a:gd name="T33" fmla="*/ 2843 h 2903"/>
                <a:gd name="T34" fmla="*/ 2902 w 2902"/>
                <a:gd name="T35" fmla="*/ 2903 h 2903"/>
                <a:gd name="T36" fmla="*/ 2900 w 2902"/>
                <a:gd name="T37" fmla="*/ 2828 h 2903"/>
                <a:gd name="T38" fmla="*/ 2893 w 2902"/>
                <a:gd name="T39" fmla="*/ 2680 h 2903"/>
                <a:gd name="T40" fmla="*/ 2879 w 2902"/>
                <a:gd name="T41" fmla="*/ 2533 h 2903"/>
                <a:gd name="T42" fmla="*/ 2857 w 2902"/>
                <a:gd name="T43" fmla="*/ 2388 h 2903"/>
                <a:gd name="T44" fmla="*/ 2827 w 2902"/>
                <a:gd name="T45" fmla="*/ 2247 h 2903"/>
                <a:gd name="T46" fmla="*/ 2792 w 2902"/>
                <a:gd name="T47" fmla="*/ 2108 h 2903"/>
                <a:gd name="T48" fmla="*/ 2750 w 2902"/>
                <a:gd name="T49" fmla="*/ 1973 h 2903"/>
                <a:gd name="T50" fmla="*/ 2701 w 2902"/>
                <a:gd name="T51" fmla="*/ 1839 h 2903"/>
                <a:gd name="T52" fmla="*/ 2646 w 2902"/>
                <a:gd name="T53" fmla="*/ 1709 h 2903"/>
                <a:gd name="T54" fmla="*/ 2586 w 2902"/>
                <a:gd name="T55" fmla="*/ 1581 h 2903"/>
                <a:gd name="T56" fmla="*/ 2518 w 2902"/>
                <a:gd name="T57" fmla="*/ 1458 h 2903"/>
                <a:gd name="T58" fmla="*/ 2445 w 2902"/>
                <a:gd name="T59" fmla="*/ 1339 h 2903"/>
                <a:gd name="T60" fmla="*/ 2368 w 2902"/>
                <a:gd name="T61" fmla="*/ 1222 h 2903"/>
                <a:gd name="T62" fmla="*/ 2283 w 2902"/>
                <a:gd name="T63" fmla="*/ 1110 h 2903"/>
                <a:gd name="T64" fmla="*/ 2194 w 2902"/>
                <a:gd name="T65" fmla="*/ 1004 h 2903"/>
                <a:gd name="T66" fmla="*/ 2100 w 2902"/>
                <a:gd name="T67" fmla="*/ 899 h 2903"/>
                <a:gd name="T68" fmla="*/ 2001 w 2902"/>
                <a:gd name="T69" fmla="*/ 800 h 2903"/>
                <a:gd name="T70" fmla="*/ 1899 w 2902"/>
                <a:gd name="T71" fmla="*/ 707 h 2903"/>
                <a:gd name="T72" fmla="*/ 1791 w 2902"/>
                <a:gd name="T73" fmla="*/ 619 h 2903"/>
                <a:gd name="T74" fmla="*/ 1679 w 2902"/>
                <a:gd name="T75" fmla="*/ 535 h 2903"/>
                <a:gd name="T76" fmla="*/ 1564 w 2902"/>
                <a:gd name="T77" fmla="*/ 456 h 2903"/>
                <a:gd name="T78" fmla="*/ 1445 w 2902"/>
                <a:gd name="T79" fmla="*/ 385 h 2903"/>
                <a:gd name="T80" fmla="*/ 1320 w 2902"/>
                <a:gd name="T81" fmla="*/ 317 h 2903"/>
                <a:gd name="T82" fmla="*/ 1194 w 2902"/>
                <a:gd name="T83" fmla="*/ 256 h 2903"/>
                <a:gd name="T84" fmla="*/ 1064 w 2902"/>
                <a:gd name="T85" fmla="*/ 201 h 2903"/>
                <a:gd name="T86" fmla="*/ 930 w 2902"/>
                <a:gd name="T87" fmla="*/ 152 h 2903"/>
                <a:gd name="T88" fmla="*/ 795 w 2902"/>
                <a:gd name="T89" fmla="*/ 110 h 2903"/>
                <a:gd name="T90" fmla="*/ 655 w 2902"/>
                <a:gd name="T91" fmla="*/ 73 h 2903"/>
                <a:gd name="T92" fmla="*/ 512 w 2902"/>
                <a:gd name="T93" fmla="*/ 44 h 2903"/>
                <a:gd name="T94" fmla="*/ 370 w 2902"/>
                <a:gd name="T95" fmla="*/ 22 h 2903"/>
                <a:gd name="T96" fmla="*/ 223 w 2902"/>
                <a:gd name="T97" fmla="*/ 7 h 2903"/>
                <a:gd name="T98" fmla="*/ 75 w 2902"/>
                <a:gd name="T99" fmla="*/ 0 h 2903"/>
                <a:gd name="T100" fmla="*/ 0 w 2902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0" y="0"/>
                  </a:moveTo>
                  <a:lnTo>
                    <a:pt x="0" y="1742"/>
                  </a:lnTo>
                  <a:lnTo>
                    <a:pt x="0" y="1742"/>
                  </a:lnTo>
                  <a:lnTo>
                    <a:pt x="58" y="1744"/>
                  </a:lnTo>
                  <a:lnTo>
                    <a:pt x="119" y="1747"/>
                  </a:lnTo>
                  <a:lnTo>
                    <a:pt x="176" y="1755"/>
                  </a:lnTo>
                  <a:lnTo>
                    <a:pt x="232" y="1766"/>
                  </a:lnTo>
                  <a:lnTo>
                    <a:pt x="289" y="1778"/>
                  </a:lnTo>
                  <a:lnTo>
                    <a:pt x="344" y="1793"/>
                  </a:lnTo>
                  <a:lnTo>
                    <a:pt x="399" y="1811"/>
                  </a:lnTo>
                  <a:lnTo>
                    <a:pt x="452" y="1833"/>
                  </a:lnTo>
                  <a:lnTo>
                    <a:pt x="503" y="1855"/>
                  </a:lnTo>
                  <a:lnTo>
                    <a:pt x="553" y="1881"/>
                  </a:lnTo>
                  <a:lnTo>
                    <a:pt x="602" y="1910"/>
                  </a:lnTo>
                  <a:lnTo>
                    <a:pt x="648" y="1940"/>
                  </a:lnTo>
                  <a:lnTo>
                    <a:pt x="694" y="1973"/>
                  </a:lnTo>
                  <a:lnTo>
                    <a:pt x="738" y="2007"/>
                  </a:lnTo>
                  <a:lnTo>
                    <a:pt x="780" y="2044"/>
                  </a:lnTo>
                  <a:lnTo>
                    <a:pt x="820" y="2082"/>
                  </a:lnTo>
                  <a:lnTo>
                    <a:pt x="859" y="2123"/>
                  </a:lnTo>
                  <a:lnTo>
                    <a:pt x="895" y="2165"/>
                  </a:lnTo>
                  <a:lnTo>
                    <a:pt x="930" y="2209"/>
                  </a:lnTo>
                  <a:lnTo>
                    <a:pt x="963" y="2253"/>
                  </a:lnTo>
                  <a:lnTo>
                    <a:pt x="992" y="2300"/>
                  </a:lnTo>
                  <a:lnTo>
                    <a:pt x="1020" y="2350"/>
                  </a:lnTo>
                  <a:lnTo>
                    <a:pt x="1045" y="2399"/>
                  </a:lnTo>
                  <a:lnTo>
                    <a:pt x="1069" y="2451"/>
                  </a:lnTo>
                  <a:lnTo>
                    <a:pt x="1089" y="2504"/>
                  </a:lnTo>
                  <a:lnTo>
                    <a:pt x="1108" y="2557"/>
                  </a:lnTo>
                  <a:lnTo>
                    <a:pt x="1124" y="2614"/>
                  </a:lnTo>
                  <a:lnTo>
                    <a:pt x="1137" y="2669"/>
                  </a:lnTo>
                  <a:lnTo>
                    <a:pt x="1148" y="2725"/>
                  </a:lnTo>
                  <a:lnTo>
                    <a:pt x="1155" y="2784"/>
                  </a:lnTo>
                  <a:lnTo>
                    <a:pt x="1159" y="2843"/>
                  </a:lnTo>
                  <a:lnTo>
                    <a:pt x="1161" y="2903"/>
                  </a:lnTo>
                  <a:lnTo>
                    <a:pt x="2902" y="2903"/>
                  </a:lnTo>
                  <a:lnTo>
                    <a:pt x="2902" y="2903"/>
                  </a:lnTo>
                  <a:lnTo>
                    <a:pt x="2900" y="2828"/>
                  </a:lnTo>
                  <a:lnTo>
                    <a:pt x="2899" y="2753"/>
                  </a:lnTo>
                  <a:lnTo>
                    <a:pt x="2893" y="2680"/>
                  </a:lnTo>
                  <a:lnTo>
                    <a:pt x="2888" y="2606"/>
                  </a:lnTo>
                  <a:lnTo>
                    <a:pt x="2879" y="2533"/>
                  </a:lnTo>
                  <a:lnTo>
                    <a:pt x="2869" y="2462"/>
                  </a:lnTo>
                  <a:lnTo>
                    <a:pt x="2857" y="2388"/>
                  </a:lnTo>
                  <a:lnTo>
                    <a:pt x="2844" y="2319"/>
                  </a:lnTo>
                  <a:lnTo>
                    <a:pt x="2827" y="2247"/>
                  </a:lnTo>
                  <a:lnTo>
                    <a:pt x="2811" y="2178"/>
                  </a:lnTo>
                  <a:lnTo>
                    <a:pt x="2792" y="2108"/>
                  </a:lnTo>
                  <a:lnTo>
                    <a:pt x="2772" y="2040"/>
                  </a:lnTo>
                  <a:lnTo>
                    <a:pt x="2750" y="1973"/>
                  </a:lnTo>
                  <a:lnTo>
                    <a:pt x="2727" y="1905"/>
                  </a:lnTo>
                  <a:lnTo>
                    <a:pt x="2701" y="1839"/>
                  </a:lnTo>
                  <a:lnTo>
                    <a:pt x="2673" y="1773"/>
                  </a:lnTo>
                  <a:lnTo>
                    <a:pt x="2646" y="1709"/>
                  </a:lnTo>
                  <a:lnTo>
                    <a:pt x="2617" y="1645"/>
                  </a:lnTo>
                  <a:lnTo>
                    <a:pt x="2586" y="1581"/>
                  </a:lnTo>
                  <a:lnTo>
                    <a:pt x="2553" y="1518"/>
                  </a:lnTo>
                  <a:lnTo>
                    <a:pt x="2518" y="1458"/>
                  </a:lnTo>
                  <a:lnTo>
                    <a:pt x="2481" y="1397"/>
                  </a:lnTo>
                  <a:lnTo>
                    <a:pt x="2445" y="1339"/>
                  </a:lnTo>
                  <a:lnTo>
                    <a:pt x="2406" y="1280"/>
                  </a:lnTo>
                  <a:lnTo>
                    <a:pt x="2368" y="1222"/>
                  </a:lnTo>
                  <a:lnTo>
                    <a:pt x="2325" y="1165"/>
                  </a:lnTo>
                  <a:lnTo>
                    <a:pt x="2283" y="1110"/>
                  </a:lnTo>
                  <a:lnTo>
                    <a:pt x="2239" y="1057"/>
                  </a:lnTo>
                  <a:lnTo>
                    <a:pt x="2194" y="1004"/>
                  </a:lnTo>
                  <a:lnTo>
                    <a:pt x="2148" y="951"/>
                  </a:lnTo>
                  <a:lnTo>
                    <a:pt x="2100" y="899"/>
                  </a:lnTo>
                  <a:lnTo>
                    <a:pt x="2053" y="850"/>
                  </a:lnTo>
                  <a:lnTo>
                    <a:pt x="2001" y="800"/>
                  </a:lnTo>
                  <a:lnTo>
                    <a:pt x="1952" y="755"/>
                  </a:lnTo>
                  <a:lnTo>
                    <a:pt x="1899" y="707"/>
                  </a:lnTo>
                  <a:lnTo>
                    <a:pt x="1846" y="663"/>
                  </a:lnTo>
                  <a:lnTo>
                    <a:pt x="1791" y="619"/>
                  </a:lnTo>
                  <a:lnTo>
                    <a:pt x="1736" y="577"/>
                  </a:lnTo>
                  <a:lnTo>
                    <a:pt x="1679" y="535"/>
                  </a:lnTo>
                  <a:lnTo>
                    <a:pt x="1622" y="495"/>
                  </a:lnTo>
                  <a:lnTo>
                    <a:pt x="1564" y="456"/>
                  </a:lnTo>
                  <a:lnTo>
                    <a:pt x="1505" y="419"/>
                  </a:lnTo>
                  <a:lnTo>
                    <a:pt x="1445" y="385"/>
                  </a:lnTo>
                  <a:lnTo>
                    <a:pt x="1382" y="350"/>
                  </a:lnTo>
                  <a:lnTo>
                    <a:pt x="1320" y="317"/>
                  </a:lnTo>
                  <a:lnTo>
                    <a:pt x="1258" y="286"/>
                  </a:lnTo>
                  <a:lnTo>
                    <a:pt x="1194" y="256"/>
                  </a:lnTo>
                  <a:lnTo>
                    <a:pt x="1130" y="227"/>
                  </a:lnTo>
                  <a:lnTo>
                    <a:pt x="1064" y="201"/>
                  </a:lnTo>
                  <a:lnTo>
                    <a:pt x="998" y="176"/>
                  </a:lnTo>
                  <a:lnTo>
                    <a:pt x="930" y="152"/>
                  </a:lnTo>
                  <a:lnTo>
                    <a:pt x="862" y="130"/>
                  </a:lnTo>
                  <a:lnTo>
                    <a:pt x="795" y="110"/>
                  </a:lnTo>
                  <a:lnTo>
                    <a:pt x="725" y="92"/>
                  </a:lnTo>
                  <a:lnTo>
                    <a:pt x="655" y="73"/>
                  </a:lnTo>
                  <a:lnTo>
                    <a:pt x="584" y="59"/>
                  </a:lnTo>
                  <a:lnTo>
                    <a:pt x="512" y="44"/>
                  </a:lnTo>
                  <a:lnTo>
                    <a:pt x="441" y="33"/>
                  </a:lnTo>
                  <a:lnTo>
                    <a:pt x="370" y="22"/>
                  </a:lnTo>
                  <a:lnTo>
                    <a:pt x="296" y="15"/>
                  </a:lnTo>
                  <a:lnTo>
                    <a:pt x="223" y="7"/>
                  </a:lnTo>
                  <a:lnTo>
                    <a:pt x="148" y="4"/>
                  </a:lnTo>
                  <a:lnTo>
                    <a:pt x="75" y="0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38" name="Freeform: Shape 15"/>
            <p:cNvSpPr/>
            <p:nvPr/>
          </p:nvSpPr>
          <p:spPr bwMode="auto">
            <a:xfrm>
              <a:off x="7200800" y="3744762"/>
              <a:ext cx="1575298" cy="1574212"/>
            </a:xfrm>
            <a:custGeom>
              <a:avLst/>
              <a:gdLst>
                <a:gd name="T0" fmla="*/ 0 w 2902"/>
                <a:gd name="T1" fmla="*/ 2903 h 2903"/>
                <a:gd name="T2" fmla="*/ 75 w 2902"/>
                <a:gd name="T3" fmla="*/ 2903 h 2903"/>
                <a:gd name="T4" fmla="*/ 223 w 2902"/>
                <a:gd name="T5" fmla="*/ 2896 h 2903"/>
                <a:gd name="T6" fmla="*/ 370 w 2902"/>
                <a:gd name="T7" fmla="*/ 2881 h 2903"/>
                <a:gd name="T8" fmla="*/ 512 w 2902"/>
                <a:gd name="T9" fmla="*/ 2859 h 2903"/>
                <a:gd name="T10" fmla="*/ 655 w 2902"/>
                <a:gd name="T11" fmla="*/ 2830 h 2903"/>
                <a:gd name="T12" fmla="*/ 795 w 2902"/>
                <a:gd name="T13" fmla="*/ 2793 h 2903"/>
                <a:gd name="T14" fmla="*/ 930 w 2902"/>
                <a:gd name="T15" fmla="*/ 2751 h 2903"/>
                <a:gd name="T16" fmla="*/ 1064 w 2902"/>
                <a:gd name="T17" fmla="*/ 2702 h 2903"/>
                <a:gd name="T18" fmla="*/ 1194 w 2902"/>
                <a:gd name="T19" fmla="*/ 2647 h 2903"/>
                <a:gd name="T20" fmla="*/ 1320 w 2902"/>
                <a:gd name="T21" fmla="*/ 2586 h 2903"/>
                <a:gd name="T22" fmla="*/ 1445 w 2902"/>
                <a:gd name="T23" fmla="*/ 2518 h 2903"/>
                <a:gd name="T24" fmla="*/ 1564 w 2902"/>
                <a:gd name="T25" fmla="*/ 2447 h 2903"/>
                <a:gd name="T26" fmla="*/ 1679 w 2902"/>
                <a:gd name="T27" fmla="*/ 2368 h 2903"/>
                <a:gd name="T28" fmla="*/ 1791 w 2902"/>
                <a:gd name="T29" fmla="*/ 2284 h 2903"/>
                <a:gd name="T30" fmla="*/ 1899 w 2902"/>
                <a:gd name="T31" fmla="*/ 2196 h 2903"/>
                <a:gd name="T32" fmla="*/ 2001 w 2902"/>
                <a:gd name="T33" fmla="*/ 2103 h 2903"/>
                <a:gd name="T34" fmla="*/ 2100 w 2902"/>
                <a:gd name="T35" fmla="*/ 2004 h 2903"/>
                <a:gd name="T36" fmla="*/ 2194 w 2902"/>
                <a:gd name="T37" fmla="*/ 1899 h 2903"/>
                <a:gd name="T38" fmla="*/ 2283 w 2902"/>
                <a:gd name="T39" fmla="*/ 1793 h 2903"/>
                <a:gd name="T40" fmla="*/ 2368 w 2902"/>
                <a:gd name="T41" fmla="*/ 1681 h 2903"/>
                <a:gd name="T42" fmla="*/ 2445 w 2902"/>
                <a:gd name="T43" fmla="*/ 1564 h 2903"/>
                <a:gd name="T44" fmla="*/ 2518 w 2902"/>
                <a:gd name="T45" fmla="*/ 1445 h 2903"/>
                <a:gd name="T46" fmla="*/ 2586 w 2902"/>
                <a:gd name="T47" fmla="*/ 1322 h 2903"/>
                <a:gd name="T48" fmla="*/ 2646 w 2902"/>
                <a:gd name="T49" fmla="*/ 1194 h 2903"/>
                <a:gd name="T50" fmla="*/ 2701 w 2902"/>
                <a:gd name="T51" fmla="*/ 1064 h 2903"/>
                <a:gd name="T52" fmla="*/ 2750 w 2902"/>
                <a:gd name="T53" fmla="*/ 930 h 2903"/>
                <a:gd name="T54" fmla="*/ 2792 w 2902"/>
                <a:gd name="T55" fmla="*/ 795 h 2903"/>
                <a:gd name="T56" fmla="*/ 2827 w 2902"/>
                <a:gd name="T57" fmla="*/ 656 h 2903"/>
                <a:gd name="T58" fmla="*/ 2857 w 2902"/>
                <a:gd name="T59" fmla="*/ 515 h 2903"/>
                <a:gd name="T60" fmla="*/ 2879 w 2902"/>
                <a:gd name="T61" fmla="*/ 370 h 2903"/>
                <a:gd name="T62" fmla="*/ 2893 w 2902"/>
                <a:gd name="T63" fmla="*/ 223 h 2903"/>
                <a:gd name="T64" fmla="*/ 2900 w 2902"/>
                <a:gd name="T65" fmla="*/ 75 h 2903"/>
                <a:gd name="T66" fmla="*/ 1161 w 2902"/>
                <a:gd name="T67" fmla="*/ 0 h 2903"/>
                <a:gd name="T68" fmla="*/ 1159 w 2902"/>
                <a:gd name="T69" fmla="*/ 60 h 2903"/>
                <a:gd name="T70" fmla="*/ 1148 w 2902"/>
                <a:gd name="T71" fmla="*/ 178 h 2903"/>
                <a:gd name="T72" fmla="*/ 1124 w 2902"/>
                <a:gd name="T73" fmla="*/ 289 h 2903"/>
                <a:gd name="T74" fmla="*/ 1089 w 2902"/>
                <a:gd name="T75" fmla="*/ 399 h 2903"/>
                <a:gd name="T76" fmla="*/ 1045 w 2902"/>
                <a:gd name="T77" fmla="*/ 504 h 2903"/>
                <a:gd name="T78" fmla="*/ 992 w 2902"/>
                <a:gd name="T79" fmla="*/ 603 h 2903"/>
                <a:gd name="T80" fmla="*/ 930 w 2902"/>
                <a:gd name="T81" fmla="*/ 694 h 2903"/>
                <a:gd name="T82" fmla="*/ 859 w 2902"/>
                <a:gd name="T83" fmla="*/ 780 h 2903"/>
                <a:gd name="T84" fmla="*/ 780 w 2902"/>
                <a:gd name="T85" fmla="*/ 859 h 2903"/>
                <a:gd name="T86" fmla="*/ 694 w 2902"/>
                <a:gd name="T87" fmla="*/ 930 h 2903"/>
                <a:gd name="T88" fmla="*/ 602 w 2902"/>
                <a:gd name="T89" fmla="*/ 993 h 2903"/>
                <a:gd name="T90" fmla="*/ 503 w 2902"/>
                <a:gd name="T91" fmla="*/ 1048 h 2903"/>
                <a:gd name="T92" fmla="*/ 399 w 2902"/>
                <a:gd name="T93" fmla="*/ 1092 h 2903"/>
                <a:gd name="T94" fmla="*/ 289 w 2902"/>
                <a:gd name="T95" fmla="*/ 1125 h 2903"/>
                <a:gd name="T96" fmla="*/ 176 w 2902"/>
                <a:gd name="T97" fmla="*/ 1148 h 2903"/>
                <a:gd name="T98" fmla="*/ 58 w 2902"/>
                <a:gd name="T99" fmla="*/ 1159 h 2903"/>
                <a:gd name="T100" fmla="*/ 0 w 2902"/>
                <a:gd name="T101" fmla="*/ 1161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0" y="1161"/>
                  </a:moveTo>
                  <a:lnTo>
                    <a:pt x="0" y="2903"/>
                  </a:lnTo>
                  <a:lnTo>
                    <a:pt x="0" y="2903"/>
                  </a:lnTo>
                  <a:lnTo>
                    <a:pt x="75" y="2903"/>
                  </a:lnTo>
                  <a:lnTo>
                    <a:pt x="148" y="2899"/>
                  </a:lnTo>
                  <a:lnTo>
                    <a:pt x="223" y="2896"/>
                  </a:lnTo>
                  <a:lnTo>
                    <a:pt x="296" y="2888"/>
                  </a:lnTo>
                  <a:lnTo>
                    <a:pt x="370" y="2881"/>
                  </a:lnTo>
                  <a:lnTo>
                    <a:pt x="441" y="2870"/>
                  </a:lnTo>
                  <a:lnTo>
                    <a:pt x="512" y="2859"/>
                  </a:lnTo>
                  <a:lnTo>
                    <a:pt x="584" y="2844"/>
                  </a:lnTo>
                  <a:lnTo>
                    <a:pt x="655" y="2830"/>
                  </a:lnTo>
                  <a:lnTo>
                    <a:pt x="725" y="2811"/>
                  </a:lnTo>
                  <a:lnTo>
                    <a:pt x="795" y="2793"/>
                  </a:lnTo>
                  <a:lnTo>
                    <a:pt x="862" y="2773"/>
                  </a:lnTo>
                  <a:lnTo>
                    <a:pt x="930" y="2751"/>
                  </a:lnTo>
                  <a:lnTo>
                    <a:pt x="998" y="2727"/>
                  </a:lnTo>
                  <a:lnTo>
                    <a:pt x="1064" y="2702"/>
                  </a:lnTo>
                  <a:lnTo>
                    <a:pt x="1130" y="2676"/>
                  </a:lnTo>
                  <a:lnTo>
                    <a:pt x="1194" y="2647"/>
                  </a:lnTo>
                  <a:lnTo>
                    <a:pt x="1258" y="2617"/>
                  </a:lnTo>
                  <a:lnTo>
                    <a:pt x="1320" y="2586"/>
                  </a:lnTo>
                  <a:lnTo>
                    <a:pt x="1382" y="2553"/>
                  </a:lnTo>
                  <a:lnTo>
                    <a:pt x="1445" y="2518"/>
                  </a:lnTo>
                  <a:lnTo>
                    <a:pt x="1505" y="2484"/>
                  </a:lnTo>
                  <a:lnTo>
                    <a:pt x="1564" y="2447"/>
                  </a:lnTo>
                  <a:lnTo>
                    <a:pt x="1622" y="2408"/>
                  </a:lnTo>
                  <a:lnTo>
                    <a:pt x="1679" y="2368"/>
                  </a:lnTo>
                  <a:lnTo>
                    <a:pt x="1736" y="2326"/>
                  </a:lnTo>
                  <a:lnTo>
                    <a:pt x="1791" y="2284"/>
                  </a:lnTo>
                  <a:lnTo>
                    <a:pt x="1846" y="2240"/>
                  </a:lnTo>
                  <a:lnTo>
                    <a:pt x="1899" y="2196"/>
                  </a:lnTo>
                  <a:lnTo>
                    <a:pt x="1952" y="2148"/>
                  </a:lnTo>
                  <a:lnTo>
                    <a:pt x="2001" y="2103"/>
                  </a:lnTo>
                  <a:lnTo>
                    <a:pt x="2053" y="2053"/>
                  </a:lnTo>
                  <a:lnTo>
                    <a:pt x="2100" y="2004"/>
                  </a:lnTo>
                  <a:lnTo>
                    <a:pt x="2148" y="1952"/>
                  </a:lnTo>
                  <a:lnTo>
                    <a:pt x="2194" y="1899"/>
                  </a:lnTo>
                  <a:lnTo>
                    <a:pt x="2239" y="1846"/>
                  </a:lnTo>
                  <a:lnTo>
                    <a:pt x="2283" y="1793"/>
                  </a:lnTo>
                  <a:lnTo>
                    <a:pt x="2325" y="1738"/>
                  </a:lnTo>
                  <a:lnTo>
                    <a:pt x="2368" y="1681"/>
                  </a:lnTo>
                  <a:lnTo>
                    <a:pt x="2406" y="1623"/>
                  </a:lnTo>
                  <a:lnTo>
                    <a:pt x="2445" y="1564"/>
                  </a:lnTo>
                  <a:lnTo>
                    <a:pt x="2481" y="1506"/>
                  </a:lnTo>
                  <a:lnTo>
                    <a:pt x="2518" y="1445"/>
                  </a:lnTo>
                  <a:lnTo>
                    <a:pt x="2553" y="1385"/>
                  </a:lnTo>
                  <a:lnTo>
                    <a:pt x="2586" y="1322"/>
                  </a:lnTo>
                  <a:lnTo>
                    <a:pt x="2617" y="1258"/>
                  </a:lnTo>
                  <a:lnTo>
                    <a:pt x="2646" y="1194"/>
                  </a:lnTo>
                  <a:lnTo>
                    <a:pt x="2673" y="1130"/>
                  </a:lnTo>
                  <a:lnTo>
                    <a:pt x="2701" y="1064"/>
                  </a:lnTo>
                  <a:lnTo>
                    <a:pt x="2727" y="998"/>
                  </a:lnTo>
                  <a:lnTo>
                    <a:pt x="2750" y="930"/>
                  </a:lnTo>
                  <a:lnTo>
                    <a:pt x="2772" y="863"/>
                  </a:lnTo>
                  <a:lnTo>
                    <a:pt x="2792" y="795"/>
                  </a:lnTo>
                  <a:lnTo>
                    <a:pt x="2811" y="725"/>
                  </a:lnTo>
                  <a:lnTo>
                    <a:pt x="2827" y="656"/>
                  </a:lnTo>
                  <a:lnTo>
                    <a:pt x="2844" y="584"/>
                  </a:lnTo>
                  <a:lnTo>
                    <a:pt x="2857" y="515"/>
                  </a:lnTo>
                  <a:lnTo>
                    <a:pt x="2869" y="441"/>
                  </a:lnTo>
                  <a:lnTo>
                    <a:pt x="2879" y="370"/>
                  </a:lnTo>
                  <a:lnTo>
                    <a:pt x="2888" y="297"/>
                  </a:lnTo>
                  <a:lnTo>
                    <a:pt x="2893" y="223"/>
                  </a:lnTo>
                  <a:lnTo>
                    <a:pt x="2899" y="150"/>
                  </a:lnTo>
                  <a:lnTo>
                    <a:pt x="2900" y="75"/>
                  </a:lnTo>
                  <a:lnTo>
                    <a:pt x="2902" y="0"/>
                  </a:lnTo>
                  <a:lnTo>
                    <a:pt x="1161" y="0"/>
                  </a:lnTo>
                  <a:lnTo>
                    <a:pt x="1161" y="0"/>
                  </a:lnTo>
                  <a:lnTo>
                    <a:pt x="1159" y="60"/>
                  </a:lnTo>
                  <a:lnTo>
                    <a:pt x="1155" y="119"/>
                  </a:lnTo>
                  <a:lnTo>
                    <a:pt x="1148" y="178"/>
                  </a:lnTo>
                  <a:lnTo>
                    <a:pt x="1137" y="234"/>
                  </a:lnTo>
                  <a:lnTo>
                    <a:pt x="1124" y="289"/>
                  </a:lnTo>
                  <a:lnTo>
                    <a:pt x="1108" y="346"/>
                  </a:lnTo>
                  <a:lnTo>
                    <a:pt x="1089" y="399"/>
                  </a:lnTo>
                  <a:lnTo>
                    <a:pt x="1069" y="452"/>
                  </a:lnTo>
                  <a:lnTo>
                    <a:pt x="1045" y="504"/>
                  </a:lnTo>
                  <a:lnTo>
                    <a:pt x="1020" y="553"/>
                  </a:lnTo>
                  <a:lnTo>
                    <a:pt x="992" y="603"/>
                  </a:lnTo>
                  <a:lnTo>
                    <a:pt x="963" y="650"/>
                  </a:lnTo>
                  <a:lnTo>
                    <a:pt x="930" y="694"/>
                  </a:lnTo>
                  <a:lnTo>
                    <a:pt x="895" y="738"/>
                  </a:lnTo>
                  <a:lnTo>
                    <a:pt x="859" y="780"/>
                  </a:lnTo>
                  <a:lnTo>
                    <a:pt x="820" y="821"/>
                  </a:lnTo>
                  <a:lnTo>
                    <a:pt x="780" y="859"/>
                  </a:lnTo>
                  <a:lnTo>
                    <a:pt x="738" y="896"/>
                  </a:lnTo>
                  <a:lnTo>
                    <a:pt x="694" y="930"/>
                  </a:lnTo>
                  <a:lnTo>
                    <a:pt x="648" y="963"/>
                  </a:lnTo>
                  <a:lnTo>
                    <a:pt x="602" y="993"/>
                  </a:lnTo>
                  <a:lnTo>
                    <a:pt x="553" y="1022"/>
                  </a:lnTo>
                  <a:lnTo>
                    <a:pt x="503" y="1048"/>
                  </a:lnTo>
                  <a:lnTo>
                    <a:pt x="452" y="1070"/>
                  </a:lnTo>
                  <a:lnTo>
                    <a:pt x="399" y="1092"/>
                  </a:lnTo>
                  <a:lnTo>
                    <a:pt x="344" y="1110"/>
                  </a:lnTo>
                  <a:lnTo>
                    <a:pt x="289" y="1125"/>
                  </a:lnTo>
                  <a:lnTo>
                    <a:pt x="232" y="1137"/>
                  </a:lnTo>
                  <a:lnTo>
                    <a:pt x="176" y="1148"/>
                  </a:lnTo>
                  <a:lnTo>
                    <a:pt x="119" y="1156"/>
                  </a:lnTo>
                  <a:lnTo>
                    <a:pt x="58" y="1159"/>
                  </a:lnTo>
                  <a:lnTo>
                    <a:pt x="0" y="1161"/>
                  </a:lnTo>
                  <a:lnTo>
                    <a:pt x="0" y="1161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39" name="Freeform: Shape 16"/>
            <p:cNvSpPr/>
            <p:nvPr/>
          </p:nvSpPr>
          <p:spPr bwMode="auto">
            <a:xfrm>
              <a:off x="3420954" y="2169467"/>
              <a:ext cx="1575298" cy="1575295"/>
            </a:xfrm>
            <a:custGeom>
              <a:avLst/>
              <a:gdLst>
                <a:gd name="T0" fmla="*/ 2902 w 2902"/>
                <a:gd name="T1" fmla="*/ 0 h 2903"/>
                <a:gd name="T2" fmla="*/ 2827 w 2902"/>
                <a:gd name="T3" fmla="*/ 0 h 2903"/>
                <a:gd name="T4" fmla="*/ 2679 w 2902"/>
                <a:gd name="T5" fmla="*/ 7 h 2903"/>
                <a:gd name="T6" fmla="*/ 2532 w 2902"/>
                <a:gd name="T7" fmla="*/ 22 h 2903"/>
                <a:gd name="T8" fmla="*/ 2390 w 2902"/>
                <a:gd name="T9" fmla="*/ 44 h 2903"/>
                <a:gd name="T10" fmla="*/ 2247 w 2902"/>
                <a:gd name="T11" fmla="*/ 73 h 2903"/>
                <a:gd name="T12" fmla="*/ 2107 w 2902"/>
                <a:gd name="T13" fmla="*/ 110 h 2903"/>
                <a:gd name="T14" fmla="*/ 1972 w 2902"/>
                <a:gd name="T15" fmla="*/ 152 h 2903"/>
                <a:gd name="T16" fmla="*/ 1838 w 2902"/>
                <a:gd name="T17" fmla="*/ 201 h 2903"/>
                <a:gd name="T18" fmla="*/ 1708 w 2902"/>
                <a:gd name="T19" fmla="*/ 256 h 2903"/>
                <a:gd name="T20" fmla="*/ 1582 w 2902"/>
                <a:gd name="T21" fmla="*/ 317 h 2903"/>
                <a:gd name="T22" fmla="*/ 1457 w 2902"/>
                <a:gd name="T23" fmla="*/ 385 h 2903"/>
                <a:gd name="T24" fmla="*/ 1338 w 2902"/>
                <a:gd name="T25" fmla="*/ 456 h 2903"/>
                <a:gd name="T26" fmla="*/ 1223 w 2902"/>
                <a:gd name="T27" fmla="*/ 535 h 2903"/>
                <a:gd name="T28" fmla="*/ 1111 w 2902"/>
                <a:gd name="T29" fmla="*/ 619 h 2903"/>
                <a:gd name="T30" fmla="*/ 1003 w 2902"/>
                <a:gd name="T31" fmla="*/ 707 h 2903"/>
                <a:gd name="T32" fmla="*/ 901 w 2902"/>
                <a:gd name="T33" fmla="*/ 800 h 2903"/>
                <a:gd name="T34" fmla="*/ 802 w 2902"/>
                <a:gd name="T35" fmla="*/ 899 h 2903"/>
                <a:gd name="T36" fmla="*/ 708 w 2902"/>
                <a:gd name="T37" fmla="*/ 1004 h 2903"/>
                <a:gd name="T38" fmla="*/ 619 w 2902"/>
                <a:gd name="T39" fmla="*/ 1110 h 2903"/>
                <a:gd name="T40" fmla="*/ 534 w 2902"/>
                <a:gd name="T41" fmla="*/ 1222 h 2903"/>
                <a:gd name="T42" fmla="*/ 457 w 2902"/>
                <a:gd name="T43" fmla="*/ 1339 h 2903"/>
                <a:gd name="T44" fmla="*/ 384 w 2902"/>
                <a:gd name="T45" fmla="*/ 1458 h 2903"/>
                <a:gd name="T46" fmla="*/ 316 w 2902"/>
                <a:gd name="T47" fmla="*/ 1581 h 2903"/>
                <a:gd name="T48" fmla="*/ 256 w 2902"/>
                <a:gd name="T49" fmla="*/ 1709 h 2903"/>
                <a:gd name="T50" fmla="*/ 201 w 2902"/>
                <a:gd name="T51" fmla="*/ 1839 h 2903"/>
                <a:gd name="T52" fmla="*/ 152 w 2902"/>
                <a:gd name="T53" fmla="*/ 1973 h 2903"/>
                <a:gd name="T54" fmla="*/ 110 w 2902"/>
                <a:gd name="T55" fmla="*/ 2108 h 2903"/>
                <a:gd name="T56" fmla="*/ 75 w 2902"/>
                <a:gd name="T57" fmla="*/ 2247 h 2903"/>
                <a:gd name="T58" fmla="*/ 45 w 2902"/>
                <a:gd name="T59" fmla="*/ 2388 h 2903"/>
                <a:gd name="T60" fmla="*/ 23 w 2902"/>
                <a:gd name="T61" fmla="*/ 2533 h 2903"/>
                <a:gd name="T62" fmla="*/ 9 w 2902"/>
                <a:gd name="T63" fmla="*/ 2680 h 2903"/>
                <a:gd name="T64" fmla="*/ 2 w 2902"/>
                <a:gd name="T65" fmla="*/ 2828 h 2903"/>
                <a:gd name="T66" fmla="*/ 1741 w 2902"/>
                <a:gd name="T67" fmla="*/ 2903 h 2903"/>
                <a:gd name="T68" fmla="*/ 1743 w 2902"/>
                <a:gd name="T69" fmla="*/ 2843 h 2903"/>
                <a:gd name="T70" fmla="*/ 1754 w 2902"/>
                <a:gd name="T71" fmla="*/ 2725 h 2903"/>
                <a:gd name="T72" fmla="*/ 1778 w 2902"/>
                <a:gd name="T73" fmla="*/ 2614 h 2903"/>
                <a:gd name="T74" fmla="*/ 1813 w 2902"/>
                <a:gd name="T75" fmla="*/ 2504 h 2903"/>
                <a:gd name="T76" fmla="*/ 1857 w 2902"/>
                <a:gd name="T77" fmla="*/ 2399 h 2903"/>
                <a:gd name="T78" fmla="*/ 1910 w 2902"/>
                <a:gd name="T79" fmla="*/ 2300 h 2903"/>
                <a:gd name="T80" fmla="*/ 1972 w 2902"/>
                <a:gd name="T81" fmla="*/ 2209 h 2903"/>
                <a:gd name="T82" fmla="*/ 2043 w 2902"/>
                <a:gd name="T83" fmla="*/ 2123 h 2903"/>
                <a:gd name="T84" fmla="*/ 2122 w 2902"/>
                <a:gd name="T85" fmla="*/ 2044 h 2903"/>
                <a:gd name="T86" fmla="*/ 2208 w 2902"/>
                <a:gd name="T87" fmla="*/ 1973 h 2903"/>
                <a:gd name="T88" fmla="*/ 2300 w 2902"/>
                <a:gd name="T89" fmla="*/ 1910 h 2903"/>
                <a:gd name="T90" fmla="*/ 2399 w 2902"/>
                <a:gd name="T91" fmla="*/ 1855 h 2903"/>
                <a:gd name="T92" fmla="*/ 2503 w 2902"/>
                <a:gd name="T93" fmla="*/ 1811 h 2903"/>
                <a:gd name="T94" fmla="*/ 2613 w 2902"/>
                <a:gd name="T95" fmla="*/ 1778 h 2903"/>
                <a:gd name="T96" fmla="*/ 2726 w 2902"/>
                <a:gd name="T97" fmla="*/ 1755 h 2903"/>
                <a:gd name="T98" fmla="*/ 2844 w 2902"/>
                <a:gd name="T99" fmla="*/ 1744 h 2903"/>
                <a:gd name="T100" fmla="*/ 2902 w 2902"/>
                <a:gd name="T101" fmla="*/ 1742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2902" y="1742"/>
                  </a:moveTo>
                  <a:lnTo>
                    <a:pt x="2902" y="0"/>
                  </a:lnTo>
                  <a:lnTo>
                    <a:pt x="2902" y="0"/>
                  </a:lnTo>
                  <a:lnTo>
                    <a:pt x="2827" y="0"/>
                  </a:lnTo>
                  <a:lnTo>
                    <a:pt x="2754" y="4"/>
                  </a:lnTo>
                  <a:lnTo>
                    <a:pt x="2679" y="7"/>
                  </a:lnTo>
                  <a:lnTo>
                    <a:pt x="2606" y="15"/>
                  </a:lnTo>
                  <a:lnTo>
                    <a:pt x="2532" y="22"/>
                  </a:lnTo>
                  <a:lnTo>
                    <a:pt x="2461" y="33"/>
                  </a:lnTo>
                  <a:lnTo>
                    <a:pt x="2390" y="44"/>
                  </a:lnTo>
                  <a:lnTo>
                    <a:pt x="2318" y="59"/>
                  </a:lnTo>
                  <a:lnTo>
                    <a:pt x="2247" y="73"/>
                  </a:lnTo>
                  <a:lnTo>
                    <a:pt x="2177" y="92"/>
                  </a:lnTo>
                  <a:lnTo>
                    <a:pt x="2107" y="110"/>
                  </a:lnTo>
                  <a:lnTo>
                    <a:pt x="2040" y="130"/>
                  </a:lnTo>
                  <a:lnTo>
                    <a:pt x="1972" y="152"/>
                  </a:lnTo>
                  <a:lnTo>
                    <a:pt x="1904" y="176"/>
                  </a:lnTo>
                  <a:lnTo>
                    <a:pt x="1838" y="201"/>
                  </a:lnTo>
                  <a:lnTo>
                    <a:pt x="1772" y="227"/>
                  </a:lnTo>
                  <a:lnTo>
                    <a:pt x="1708" y="256"/>
                  </a:lnTo>
                  <a:lnTo>
                    <a:pt x="1644" y="286"/>
                  </a:lnTo>
                  <a:lnTo>
                    <a:pt x="1582" y="317"/>
                  </a:lnTo>
                  <a:lnTo>
                    <a:pt x="1520" y="350"/>
                  </a:lnTo>
                  <a:lnTo>
                    <a:pt x="1457" y="385"/>
                  </a:lnTo>
                  <a:lnTo>
                    <a:pt x="1397" y="419"/>
                  </a:lnTo>
                  <a:lnTo>
                    <a:pt x="1338" y="456"/>
                  </a:lnTo>
                  <a:lnTo>
                    <a:pt x="1280" y="495"/>
                  </a:lnTo>
                  <a:lnTo>
                    <a:pt x="1223" y="535"/>
                  </a:lnTo>
                  <a:lnTo>
                    <a:pt x="1166" y="577"/>
                  </a:lnTo>
                  <a:lnTo>
                    <a:pt x="1111" y="619"/>
                  </a:lnTo>
                  <a:lnTo>
                    <a:pt x="1056" y="663"/>
                  </a:lnTo>
                  <a:lnTo>
                    <a:pt x="1003" y="707"/>
                  </a:lnTo>
                  <a:lnTo>
                    <a:pt x="950" y="755"/>
                  </a:lnTo>
                  <a:lnTo>
                    <a:pt x="901" y="800"/>
                  </a:lnTo>
                  <a:lnTo>
                    <a:pt x="849" y="850"/>
                  </a:lnTo>
                  <a:lnTo>
                    <a:pt x="802" y="899"/>
                  </a:lnTo>
                  <a:lnTo>
                    <a:pt x="754" y="951"/>
                  </a:lnTo>
                  <a:lnTo>
                    <a:pt x="708" y="1004"/>
                  </a:lnTo>
                  <a:lnTo>
                    <a:pt x="663" y="1057"/>
                  </a:lnTo>
                  <a:lnTo>
                    <a:pt x="619" y="1110"/>
                  </a:lnTo>
                  <a:lnTo>
                    <a:pt x="577" y="1165"/>
                  </a:lnTo>
                  <a:lnTo>
                    <a:pt x="534" y="1222"/>
                  </a:lnTo>
                  <a:lnTo>
                    <a:pt x="496" y="1280"/>
                  </a:lnTo>
                  <a:lnTo>
                    <a:pt x="457" y="1339"/>
                  </a:lnTo>
                  <a:lnTo>
                    <a:pt x="421" y="1397"/>
                  </a:lnTo>
                  <a:lnTo>
                    <a:pt x="384" y="1458"/>
                  </a:lnTo>
                  <a:lnTo>
                    <a:pt x="349" y="1518"/>
                  </a:lnTo>
                  <a:lnTo>
                    <a:pt x="316" y="1581"/>
                  </a:lnTo>
                  <a:lnTo>
                    <a:pt x="285" y="1645"/>
                  </a:lnTo>
                  <a:lnTo>
                    <a:pt x="256" y="1709"/>
                  </a:lnTo>
                  <a:lnTo>
                    <a:pt x="229" y="1773"/>
                  </a:lnTo>
                  <a:lnTo>
                    <a:pt x="201" y="1839"/>
                  </a:lnTo>
                  <a:lnTo>
                    <a:pt x="175" y="1905"/>
                  </a:lnTo>
                  <a:lnTo>
                    <a:pt x="152" y="1973"/>
                  </a:lnTo>
                  <a:lnTo>
                    <a:pt x="130" y="2040"/>
                  </a:lnTo>
                  <a:lnTo>
                    <a:pt x="110" y="2108"/>
                  </a:lnTo>
                  <a:lnTo>
                    <a:pt x="91" y="2178"/>
                  </a:lnTo>
                  <a:lnTo>
                    <a:pt x="75" y="2247"/>
                  </a:lnTo>
                  <a:lnTo>
                    <a:pt x="58" y="2319"/>
                  </a:lnTo>
                  <a:lnTo>
                    <a:pt x="45" y="2388"/>
                  </a:lnTo>
                  <a:lnTo>
                    <a:pt x="33" y="2462"/>
                  </a:lnTo>
                  <a:lnTo>
                    <a:pt x="23" y="2533"/>
                  </a:lnTo>
                  <a:lnTo>
                    <a:pt x="14" y="2606"/>
                  </a:lnTo>
                  <a:lnTo>
                    <a:pt x="9" y="2680"/>
                  </a:lnTo>
                  <a:lnTo>
                    <a:pt x="3" y="2753"/>
                  </a:lnTo>
                  <a:lnTo>
                    <a:pt x="2" y="2828"/>
                  </a:lnTo>
                  <a:lnTo>
                    <a:pt x="0" y="2903"/>
                  </a:lnTo>
                  <a:lnTo>
                    <a:pt x="1741" y="2903"/>
                  </a:lnTo>
                  <a:lnTo>
                    <a:pt x="1741" y="2903"/>
                  </a:lnTo>
                  <a:lnTo>
                    <a:pt x="1743" y="2843"/>
                  </a:lnTo>
                  <a:lnTo>
                    <a:pt x="1747" y="2784"/>
                  </a:lnTo>
                  <a:lnTo>
                    <a:pt x="1754" y="2725"/>
                  </a:lnTo>
                  <a:lnTo>
                    <a:pt x="1765" y="2669"/>
                  </a:lnTo>
                  <a:lnTo>
                    <a:pt x="1778" y="2614"/>
                  </a:lnTo>
                  <a:lnTo>
                    <a:pt x="1794" y="2557"/>
                  </a:lnTo>
                  <a:lnTo>
                    <a:pt x="1813" y="2504"/>
                  </a:lnTo>
                  <a:lnTo>
                    <a:pt x="1833" y="2451"/>
                  </a:lnTo>
                  <a:lnTo>
                    <a:pt x="1857" y="2399"/>
                  </a:lnTo>
                  <a:lnTo>
                    <a:pt x="1882" y="2350"/>
                  </a:lnTo>
                  <a:lnTo>
                    <a:pt x="1910" y="2300"/>
                  </a:lnTo>
                  <a:lnTo>
                    <a:pt x="1939" y="2253"/>
                  </a:lnTo>
                  <a:lnTo>
                    <a:pt x="1972" y="2209"/>
                  </a:lnTo>
                  <a:lnTo>
                    <a:pt x="2007" y="2165"/>
                  </a:lnTo>
                  <a:lnTo>
                    <a:pt x="2043" y="2123"/>
                  </a:lnTo>
                  <a:lnTo>
                    <a:pt x="2082" y="2082"/>
                  </a:lnTo>
                  <a:lnTo>
                    <a:pt x="2122" y="2044"/>
                  </a:lnTo>
                  <a:lnTo>
                    <a:pt x="2164" y="2007"/>
                  </a:lnTo>
                  <a:lnTo>
                    <a:pt x="2208" y="1973"/>
                  </a:lnTo>
                  <a:lnTo>
                    <a:pt x="2254" y="1940"/>
                  </a:lnTo>
                  <a:lnTo>
                    <a:pt x="2300" y="1910"/>
                  </a:lnTo>
                  <a:lnTo>
                    <a:pt x="2349" y="1881"/>
                  </a:lnTo>
                  <a:lnTo>
                    <a:pt x="2399" y="1855"/>
                  </a:lnTo>
                  <a:lnTo>
                    <a:pt x="2450" y="1833"/>
                  </a:lnTo>
                  <a:lnTo>
                    <a:pt x="2503" y="1811"/>
                  </a:lnTo>
                  <a:lnTo>
                    <a:pt x="2558" y="1793"/>
                  </a:lnTo>
                  <a:lnTo>
                    <a:pt x="2613" y="1778"/>
                  </a:lnTo>
                  <a:lnTo>
                    <a:pt x="2670" y="1766"/>
                  </a:lnTo>
                  <a:lnTo>
                    <a:pt x="2726" y="1755"/>
                  </a:lnTo>
                  <a:lnTo>
                    <a:pt x="2783" y="1747"/>
                  </a:lnTo>
                  <a:lnTo>
                    <a:pt x="2844" y="1744"/>
                  </a:lnTo>
                  <a:lnTo>
                    <a:pt x="2902" y="1742"/>
                  </a:lnTo>
                  <a:lnTo>
                    <a:pt x="2902" y="1742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40" name="Freeform: Shape 17"/>
            <p:cNvSpPr/>
            <p:nvPr/>
          </p:nvSpPr>
          <p:spPr bwMode="auto">
            <a:xfrm>
              <a:off x="4996252" y="3744762"/>
              <a:ext cx="1575298" cy="1574212"/>
            </a:xfrm>
            <a:custGeom>
              <a:avLst/>
              <a:gdLst>
                <a:gd name="T0" fmla="*/ 0 w 2905"/>
                <a:gd name="T1" fmla="*/ 2903 h 2903"/>
                <a:gd name="T2" fmla="*/ 75 w 2905"/>
                <a:gd name="T3" fmla="*/ 2903 h 2903"/>
                <a:gd name="T4" fmla="*/ 224 w 2905"/>
                <a:gd name="T5" fmla="*/ 2896 h 2903"/>
                <a:gd name="T6" fmla="*/ 370 w 2905"/>
                <a:gd name="T7" fmla="*/ 2881 h 2903"/>
                <a:gd name="T8" fmla="*/ 515 w 2905"/>
                <a:gd name="T9" fmla="*/ 2859 h 2903"/>
                <a:gd name="T10" fmla="*/ 656 w 2905"/>
                <a:gd name="T11" fmla="*/ 2830 h 2903"/>
                <a:gd name="T12" fmla="*/ 795 w 2905"/>
                <a:gd name="T13" fmla="*/ 2793 h 2903"/>
                <a:gd name="T14" fmla="*/ 932 w 2905"/>
                <a:gd name="T15" fmla="*/ 2751 h 2903"/>
                <a:gd name="T16" fmla="*/ 1066 w 2905"/>
                <a:gd name="T17" fmla="*/ 2702 h 2903"/>
                <a:gd name="T18" fmla="*/ 1196 w 2905"/>
                <a:gd name="T19" fmla="*/ 2647 h 2903"/>
                <a:gd name="T20" fmla="*/ 1322 w 2905"/>
                <a:gd name="T21" fmla="*/ 2586 h 2903"/>
                <a:gd name="T22" fmla="*/ 1445 w 2905"/>
                <a:gd name="T23" fmla="*/ 2518 h 2903"/>
                <a:gd name="T24" fmla="*/ 1566 w 2905"/>
                <a:gd name="T25" fmla="*/ 2447 h 2903"/>
                <a:gd name="T26" fmla="*/ 1681 w 2905"/>
                <a:gd name="T27" fmla="*/ 2368 h 2903"/>
                <a:gd name="T28" fmla="*/ 1793 w 2905"/>
                <a:gd name="T29" fmla="*/ 2284 h 2903"/>
                <a:gd name="T30" fmla="*/ 1901 w 2905"/>
                <a:gd name="T31" fmla="*/ 2196 h 2903"/>
                <a:gd name="T32" fmla="*/ 2004 w 2905"/>
                <a:gd name="T33" fmla="*/ 2103 h 2903"/>
                <a:gd name="T34" fmla="*/ 2103 w 2905"/>
                <a:gd name="T35" fmla="*/ 2004 h 2903"/>
                <a:gd name="T36" fmla="*/ 2196 w 2905"/>
                <a:gd name="T37" fmla="*/ 1899 h 2903"/>
                <a:gd name="T38" fmla="*/ 2284 w 2905"/>
                <a:gd name="T39" fmla="*/ 1793 h 2903"/>
                <a:gd name="T40" fmla="*/ 2368 w 2905"/>
                <a:gd name="T41" fmla="*/ 1681 h 2903"/>
                <a:gd name="T42" fmla="*/ 2447 w 2905"/>
                <a:gd name="T43" fmla="*/ 1564 h 2903"/>
                <a:gd name="T44" fmla="*/ 2520 w 2905"/>
                <a:gd name="T45" fmla="*/ 1445 h 2903"/>
                <a:gd name="T46" fmla="*/ 2586 w 2905"/>
                <a:gd name="T47" fmla="*/ 1322 h 2903"/>
                <a:gd name="T48" fmla="*/ 2648 w 2905"/>
                <a:gd name="T49" fmla="*/ 1194 h 2903"/>
                <a:gd name="T50" fmla="*/ 2703 w 2905"/>
                <a:gd name="T51" fmla="*/ 1064 h 2903"/>
                <a:gd name="T52" fmla="*/ 2751 w 2905"/>
                <a:gd name="T53" fmla="*/ 930 h 2903"/>
                <a:gd name="T54" fmla="*/ 2793 w 2905"/>
                <a:gd name="T55" fmla="*/ 795 h 2903"/>
                <a:gd name="T56" fmla="*/ 2830 w 2905"/>
                <a:gd name="T57" fmla="*/ 656 h 2903"/>
                <a:gd name="T58" fmla="*/ 2859 w 2905"/>
                <a:gd name="T59" fmla="*/ 515 h 2903"/>
                <a:gd name="T60" fmla="*/ 2881 w 2905"/>
                <a:gd name="T61" fmla="*/ 370 h 2903"/>
                <a:gd name="T62" fmla="*/ 2896 w 2905"/>
                <a:gd name="T63" fmla="*/ 223 h 2903"/>
                <a:gd name="T64" fmla="*/ 2903 w 2905"/>
                <a:gd name="T65" fmla="*/ 75 h 2903"/>
                <a:gd name="T66" fmla="*/ 1161 w 2905"/>
                <a:gd name="T67" fmla="*/ 0 h 2903"/>
                <a:gd name="T68" fmla="*/ 1161 w 2905"/>
                <a:gd name="T69" fmla="*/ 60 h 2903"/>
                <a:gd name="T70" fmla="*/ 1148 w 2905"/>
                <a:gd name="T71" fmla="*/ 178 h 2903"/>
                <a:gd name="T72" fmla="*/ 1125 w 2905"/>
                <a:gd name="T73" fmla="*/ 289 h 2903"/>
                <a:gd name="T74" fmla="*/ 1092 w 2905"/>
                <a:gd name="T75" fmla="*/ 399 h 2903"/>
                <a:gd name="T76" fmla="*/ 1048 w 2905"/>
                <a:gd name="T77" fmla="*/ 504 h 2903"/>
                <a:gd name="T78" fmla="*/ 995 w 2905"/>
                <a:gd name="T79" fmla="*/ 603 h 2903"/>
                <a:gd name="T80" fmla="*/ 931 w 2905"/>
                <a:gd name="T81" fmla="*/ 694 h 2903"/>
                <a:gd name="T82" fmla="*/ 861 w 2905"/>
                <a:gd name="T83" fmla="*/ 780 h 2903"/>
                <a:gd name="T84" fmla="*/ 782 w 2905"/>
                <a:gd name="T85" fmla="*/ 859 h 2903"/>
                <a:gd name="T86" fmla="*/ 696 w 2905"/>
                <a:gd name="T87" fmla="*/ 930 h 2903"/>
                <a:gd name="T88" fmla="*/ 603 w 2905"/>
                <a:gd name="T89" fmla="*/ 993 h 2903"/>
                <a:gd name="T90" fmla="*/ 504 w 2905"/>
                <a:gd name="T91" fmla="*/ 1048 h 2903"/>
                <a:gd name="T92" fmla="*/ 399 w 2905"/>
                <a:gd name="T93" fmla="*/ 1092 h 2903"/>
                <a:gd name="T94" fmla="*/ 291 w 2905"/>
                <a:gd name="T95" fmla="*/ 1125 h 2903"/>
                <a:gd name="T96" fmla="*/ 178 w 2905"/>
                <a:gd name="T97" fmla="*/ 1148 h 2903"/>
                <a:gd name="T98" fmla="*/ 61 w 2905"/>
                <a:gd name="T99" fmla="*/ 1159 h 2903"/>
                <a:gd name="T100" fmla="*/ 0 w 2905"/>
                <a:gd name="T101" fmla="*/ 1161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0" y="1161"/>
                  </a:moveTo>
                  <a:lnTo>
                    <a:pt x="0" y="2903"/>
                  </a:lnTo>
                  <a:lnTo>
                    <a:pt x="0" y="2903"/>
                  </a:lnTo>
                  <a:lnTo>
                    <a:pt x="75" y="2903"/>
                  </a:lnTo>
                  <a:lnTo>
                    <a:pt x="150" y="2899"/>
                  </a:lnTo>
                  <a:lnTo>
                    <a:pt x="224" y="2896"/>
                  </a:lnTo>
                  <a:lnTo>
                    <a:pt x="297" y="2888"/>
                  </a:lnTo>
                  <a:lnTo>
                    <a:pt x="370" y="2881"/>
                  </a:lnTo>
                  <a:lnTo>
                    <a:pt x="443" y="2870"/>
                  </a:lnTo>
                  <a:lnTo>
                    <a:pt x="515" y="2859"/>
                  </a:lnTo>
                  <a:lnTo>
                    <a:pt x="586" y="2844"/>
                  </a:lnTo>
                  <a:lnTo>
                    <a:pt x="656" y="2830"/>
                  </a:lnTo>
                  <a:lnTo>
                    <a:pt x="725" y="2811"/>
                  </a:lnTo>
                  <a:lnTo>
                    <a:pt x="795" y="2793"/>
                  </a:lnTo>
                  <a:lnTo>
                    <a:pt x="865" y="2773"/>
                  </a:lnTo>
                  <a:lnTo>
                    <a:pt x="932" y="2751"/>
                  </a:lnTo>
                  <a:lnTo>
                    <a:pt x="998" y="2727"/>
                  </a:lnTo>
                  <a:lnTo>
                    <a:pt x="1066" y="2702"/>
                  </a:lnTo>
                  <a:lnTo>
                    <a:pt x="1130" y="2676"/>
                  </a:lnTo>
                  <a:lnTo>
                    <a:pt x="1196" y="2647"/>
                  </a:lnTo>
                  <a:lnTo>
                    <a:pt x="1260" y="2617"/>
                  </a:lnTo>
                  <a:lnTo>
                    <a:pt x="1322" y="2586"/>
                  </a:lnTo>
                  <a:lnTo>
                    <a:pt x="1385" y="2553"/>
                  </a:lnTo>
                  <a:lnTo>
                    <a:pt x="1445" y="2518"/>
                  </a:lnTo>
                  <a:lnTo>
                    <a:pt x="1506" y="2484"/>
                  </a:lnTo>
                  <a:lnTo>
                    <a:pt x="1566" y="2447"/>
                  </a:lnTo>
                  <a:lnTo>
                    <a:pt x="1625" y="2408"/>
                  </a:lnTo>
                  <a:lnTo>
                    <a:pt x="1681" y="2368"/>
                  </a:lnTo>
                  <a:lnTo>
                    <a:pt x="1738" y="2326"/>
                  </a:lnTo>
                  <a:lnTo>
                    <a:pt x="1793" y="2284"/>
                  </a:lnTo>
                  <a:lnTo>
                    <a:pt x="1848" y="2240"/>
                  </a:lnTo>
                  <a:lnTo>
                    <a:pt x="1901" y="2196"/>
                  </a:lnTo>
                  <a:lnTo>
                    <a:pt x="1952" y="2148"/>
                  </a:lnTo>
                  <a:lnTo>
                    <a:pt x="2004" y="2103"/>
                  </a:lnTo>
                  <a:lnTo>
                    <a:pt x="2053" y="2053"/>
                  </a:lnTo>
                  <a:lnTo>
                    <a:pt x="2103" y="2004"/>
                  </a:lnTo>
                  <a:lnTo>
                    <a:pt x="2150" y="1952"/>
                  </a:lnTo>
                  <a:lnTo>
                    <a:pt x="2196" y="1899"/>
                  </a:lnTo>
                  <a:lnTo>
                    <a:pt x="2242" y="1846"/>
                  </a:lnTo>
                  <a:lnTo>
                    <a:pt x="2284" y="1793"/>
                  </a:lnTo>
                  <a:lnTo>
                    <a:pt x="2328" y="1738"/>
                  </a:lnTo>
                  <a:lnTo>
                    <a:pt x="2368" y="1681"/>
                  </a:lnTo>
                  <a:lnTo>
                    <a:pt x="2408" y="1623"/>
                  </a:lnTo>
                  <a:lnTo>
                    <a:pt x="2447" y="1564"/>
                  </a:lnTo>
                  <a:lnTo>
                    <a:pt x="2483" y="1506"/>
                  </a:lnTo>
                  <a:lnTo>
                    <a:pt x="2520" y="1445"/>
                  </a:lnTo>
                  <a:lnTo>
                    <a:pt x="2553" y="1385"/>
                  </a:lnTo>
                  <a:lnTo>
                    <a:pt x="2586" y="1322"/>
                  </a:lnTo>
                  <a:lnTo>
                    <a:pt x="2617" y="1258"/>
                  </a:lnTo>
                  <a:lnTo>
                    <a:pt x="2648" y="1194"/>
                  </a:lnTo>
                  <a:lnTo>
                    <a:pt x="2676" y="1130"/>
                  </a:lnTo>
                  <a:lnTo>
                    <a:pt x="2703" y="1064"/>
                  </a:lnTo>
                  <a:lnTo>
                    <a:pt x="2727" y="998"/>
                  </a:lnTo>
                  <a:lnTo>
                    <a:pt x="2751" y="930"/>
                  </a:lnTo>
                  <a:lnTo>
                    <a:pt x="2773" y="863"/>
                  </a:lnTo>
                  <a:lnTo>
                    <a:pt x="2793" y="795"/>
                  </a:lnTo>
                  <a:lnTo>
                    <a:pt x="2813" y="725"/>
                  </a:lnTo>
                  <a:lnTo>
                    <a:pt x="2830" y="656"/>
                  </a:lnTo>
                  <a:lnTo>
                    <a:pt x="2844" y="584"/>
                  </a:lnTo>
                  <a:lnTo>
                    <a:pt x="2859" y="515"/>
                  </a:lnTo>
                  <a:lnTo>
                    <a:pt x="2870" y="441"/>
                  </a:lnTo>
                  <a:lnTo>
                    <a:pt x="2881" y="370"/>
                  </a:lnTo>
                  <a:lnTo>
                    <a:pt x="2888" y="297"/>
                  </a:lnTo>
                  <a:lnTo>
                    <a:pt x="2896" y="223"/>
                  </a:lnTo>
                  <a:lnTo>
                    <a:pt x="2901" y="150"/>
                  </a:lnTo>
                  <a:lnTo>
                    <a:pt x="2903" y="75"/>
                  </a:lnTo>
                  <a:lnTo>
                    <a:pt x="2905" y="0"/>
                  </a:lnTo>
                  <a:lnTo>
                    <a:pt x="1161" y="0"/>
                  </a:lnTo>
                  <a:lnTo>
                    <a:pt x="1161" y="0"/>
                  </a:lnTo>
                  <a:lnTo>
                    <a:pt x="1161" y="60"/>
                  </a:lnTo>
                  <a:lnTo>
                    <a:pt x="1156" y="119"/>
                  </a:lnTo>
                  <a:lnTo>
                    <a:pt x="1148" y="178"/>
                  </a:lnTo>
                  <a:lnTo>
                    <a:pt x="1139" y="234"/>
                  </a:lnTo>
                  <a:lnTo>
                    <a:pt x="1125" y="289"/>
                  </a:lnTo>
                  <a:lnTo>
                    <a:pt x="1110" y="346"/>
                  </a:lnTo>
                  <a:lnTo>
                    <a:pt x="1092" y="399"/>
                  </a:lnTo>
                  <a:lnTo>
                    <a:pt x="1072" y="452"/>
                  </a:lnTo>
                  <a:lnTo>
                    <a:pt x="1048" y="504"/>
                  </a:lnTo>
                  <a:lnTo>
                    <a:pt x="1022" y="553"/>
                  </a:lnTo>
                  <a:lnTo>
                    <a:pt x="995" y="603"/>
                  </a:lnTo>
                  <a:lnTo>
                    <a:pt x="964" y="650"/>
                  </a:lnTo>
                  <a:lnTo>
                    <a:pt x="931" y="694"/>
                  </a:lnTo>
                  <a:lnTo>
                    <a:pt x="898" y="738"/>
                  </a:lnTo>
                  <a:lnTo>
                    <a:pt x="861" y="780"/>
                  </a:lnTo>
                  <a:lnTo>
                    <a:pt x="823" y="821"/>
                  </a:lnTo>
                  <a:lnTo>
                    <a:pt x="782" y="859"/>
                  </a:lnTo>
                  <a:lnTo>
                    <a:pt x="740" y="896"/>
                  </a:lnTo>
                  <a:lnTo>
                    <a:pt x="696" y="930"/>
                  </a:lnTo>
                  <a:lnTo>
                    <a:pt x="650" y="963"/>
                  </a:lnTo>
                  <a:lnTo>
                    <a:pt x="603" y="993"/>
                  </a:lnTo>
                  <a:lnTo>
                    <a:pt x="555" y="1022"/>
                  </a:lnTo>
                  <a:lnTo>
                    <a:pt x="504" y="1048"/>
                  </a:lnTo>
                  <a:lnTo>
                    <a:pt x="453" y="1070"/>
                  </a:lnTo>
                  <a:lnTo>
                    <a:pt x="399" y="1092"/>
                  </a:lnTo>
                  <a:lnTo>
                    <a:pt x="346" y="1110"/>
                  </a:lnTo>
                  <a:lnTo>
                    <a:pt x="291" y="1125"/>
                  </a:lnTo>
                  <a:lnTo>
                    <a:pt x="235" y="1137"/>
                  </a:lnTo>
                  <a:lnTo>
                    <a:pt x="178" y="1148"/>
                  </a:lnTo>
                  <a:lnTo>
                    <a:pt x="119" y="1156"/>
                  </a:lnTo>
                  <a:lnTo>
                    <a:pt x="61" y="1159"/>
                  </a:lnTo>
                  <a:lnTo>
                    <a:pt x="0" y="1161"/>
                  </a:lnTo>
                  <a:lnTo>
                    <a:pt x="0" y="1161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41" name="Freeform: Shape 18"/>
            <p:cNvSpPr/>
            <p:nvPr/>
          </p:nvSpPr>
          <p:spPr bwMode="auto">
            <a:xfrm>
              <a:off x="3420954" y="3744762"/>
              <a:ext cx="1575298" cy="1574212"/>
            </a:xfrm>
            <a:custGeom>
              <a:avLst/>
              <a:gdLst>
                <a:gd name="T0" fmla="*/ 0 w 2902"/>
                <a:gd name="T1" fmla="*/ 0 h 2903"/>
                <a:gd name="T2" fmla="*/ 2 w 2902"/>
                <a:gd name="T3" fmla="*/ 75 h 2903"/>
                <a:gd name="T4" fmla="*/ 9 w 2902"/>
                <a:gd name="T5" fmla="*/ 223 h 2903"/>
                <a:gd name="T6" fmla="*/ 23 w 2902"/>
                <a:gd name="T7" fmla="*/ 370 h 2903"/>
                <a:gd name="T8" fmla="*/ 45 w 2902"/>
                <a:gd name="T9" fmla="*/ 515 h 2903"/>
                <a:gd name="T10" fmla="*/ 75 w 2902"/>
                <a:gd name="T11" fmla="*/ 656 h 2903"/>
                <a:gd name="T12" fmla="*/ 110 w 2902"/>
                <a:gd name="T13" fmla="*/ 795 h 2903"/>
                <a:gd name="T14" fmla="*/ 152 w 2902"/>
                <a:gd name="T15" fmla="*/ 930 h 2903"/>
                <a:gd name="T16" fmla="*/ 201 w 2902"/>
                <a:gd name="T17" fmla="*/ 1064 h 2903"/>
                <a:gd name="T18" fmla="*/ 256 w 2902"/>
                <a:gd name="T19" fmla="*/ 1194 h 2903"/>
                <a:gd name="T20" fmla="*/ 316 w 2902"/>
                <a:gd name="T21" fmla="*/ 1322 h 2903"/>
                <a:gd name="T22" fmla="*/ 384 w 2902"/>
                <a:gd name="T23" fmla="*/ 1445 h 2903"/>
                <a:gd name="T24" fmla="*/ 457 w 2902"/>
                <a:gd name="T25" fmla="*/ 1564 h 2903"/>
                <a:gd name="T26" fmla="*/ 534 w 2902"/>
                <a:gd name="T27" fmla="*/ 1681 h 2903"/>
                <a:gd name="T28" fmla="*/ 619 w 2902"/>
                <a:gd name="T29" fmla="*/ 1793 h 2903"/>
                <a:gd name="T30" fmla="*/ 708 w 2902"/>
                <a:gd name="T31" fmla="*/ 1899 h 2903"/>
                <a:gd name="T32" fmla="*/ 802 w 2902"/>
                <a:gd name="T33" fmla="*/ 2004 h 2903"/>
                <a:gd name="T34" fmla="*/ 901 w 2902"/>
                <a:gd name="T35" fmla="*/ 2103 h 2903"/>
                <a:gd name="T36" fmla="*/ 1003 w 2902"/>
                <a:gd name="T37" fmla="*/ 2196 h 2903"/>
                <a:gd name="T38" fmla="*/ 1111 w 2902"/>
                <a:gd name="T39" fmla="*/ 2284 h 2903"/>
                <a:gd name="T40" fmla="*/ 1223 w 2902"/>
                <a:gd name="T41" fmla="*/ 2368 h 2903"/>
                <a:gd name="T42" fmla="*/ 1338 w 2902"/>
                <a:gd name="T43" fmla="*/ 2447 h 2903"/>
                <a:gd name="T44" fmla="*/ 1457 w 2902"/>
                <a:gd name="T45" fmla="*/ 2518 h 2903"/>
                <a:gd name="T46" fmla="*/ 1582 w 2902"/>
                <a:gd name="T47" fmla="*/ 2586 h 2903"/>
                <a:gd name="T48" fmla="*/ 1708 w 2902"/>
                <a:gd name="T49" fmla="*/ 2647 h 2903"/>
                <a:gd name="T50" fmla="*/ 1838 w 2902"/>
                <a:gd name="T51" fmla="*/ 2702 h 2903"/>
                <a:gd name="T52" fmla="*/ 1972 w 2902"/>
                <a:gd name="T53" fmla="*/ 2751 h 2903"/>
                <a:gd name="T54" fmla="*/ 2107 w 2902"/>
                <a:gd name="T55" fmla="*/ 2793 h 2903"/>
                <a:gd name="T56" fmla="*/ 2247 w 2902"/>
                <a:gd name="T57" fmla="*/ 2830 h 2903"/>
                <a:gd name="T58" fmla="*/ 2390 w 2902"/>
                <a:gd name="T59" fmla="*/ 2859 h 2903"/>
                <a:gd name="T60" fmla="*/ 2532 w 2902"/>
                <a:gd name="T61" fmla="*/ 2881 h 2903"/>
                <a:gd name="T62" fmla="*/ 2679 w 2902"/>
                <a:gd name="T63" fmla="*/ 2896 h 2903"/>
                <a:gd name="T64" fmla="*/ 2827 w 2902"/>
                <a:gd name="T65" fmla="*/ 2903 h 2903"/>
                <a:gd name="T66" fmla="*/ 2902 w 2902"/>
                <a:gd name="T67" fmla="*/ 1161 h 2903"/>
                <a:gd name="T68" fmla="*/ 2844 w 2902"/>
                <a:gd name="T69" fmla="*/ 1159 h 2903"/>
                <a:gd name="T70" fmla="*/ 2726 w 2902"/>
                <a:gd name="T71" fmla="*/ 1148 h 2903"/>
                <a:gd name="T72" fmla="*/ 2613 w 2902"/>
                <a:gd name="T73" fmla="*/ 1125 h 2903"/>
                <a:gd name="T74" fmla="*/ 2503 w 2902"/>
                <a:gd name="T75" fmla="*/ 1092 h 2903"/>
                <a:gd name="T76" fmla="*/ 2399 w 2902"/>
                <a:gd name="T77" fmla="*/ 1048 h 2903"/>
                <a:gd name="T78" fmla="*/ 2300 w 2902"/>
                <a:gd name="T79" fmla="*/ 993 h 2903"/>
                <a:gd name="T80" fmla="*/ 2208 w 2902"/>
                <a:gd name="T81" fmla="*/ 930 h 2903"/>
                <a:gd name="T82" fmla="*/ 2122 w 2902"/>
                <a:gd name="T83" fmla="*/ 859 h 2903"/>
                <a:gd name="T84" fmla="*/ 2043 w 2902"/>
                <a:gd name="T85" fmla="*/ 780 h 2903"/>
                <a:gd name="T86" fmla="*/ 1972 w 2902"/>
                <a:gd name="T87" fmla="*/ 694 h 2903"/>
                <a:gd name="T88" fmla="*/ 1910 w 2902"/>
                <a:gd name="T89" fmla="*/ 603 h 2903"/>
                <a:gd name="T90" fmla="*/ 1857 w 2902"/>
                <a:gd name="T91" fmla="*/ 504 h 2903"/>
                <a:gd name="T92" fmla="*/ 1813 w 2902"/>
                <a:gd name="T93" fmla="*/ 399 h 2903"/>
                <a:gd name="T94" fmla="*/ 1778 w 2902"/>
                <a:gd name="T95" fmla="*/ 289 h 2903"/>
                <a:gd name="T96" fmla="*/ 1754 w 2902"/>
                <a:gd name="T97" fmla="*/ 178 h 2903"/>
                <a:gd name="T98" fmla="*/ 1743 w 2902"/>
                <a:gd name="T99" fmla="*/ 60 h 2903"/>
                <a:gd name="T100" fmla="*/ 1741 w 2902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1741" y="0"/>
                  </a:moveTo>
                  <a:lnTo>
                    <a:pt x="0" y="0"/>
                  </a:lnTo>
                  <a:lnTo>
                    <a:pt x="0" y="0"/>
                  </a:lnTo>
                  <a:lnTo>
                    <a:pt x="2" y="75"/>
                  </a:lnTo>
                  <a:lnTo>
                    <a:pt x="3" y="150"/>
                  </a:lnTo>
                  <a:lnTo>
                    <a:pt x="9" y="223"/>
                  </a:lnTo>
                  <a:lnTo>
                    <a:pt x="14" y="297"/>
                  </a:lnTo>
                  <a:lnTo>
                    <a:pt x="23" y="370"/>
                  </a:lnTo>
                  <a:lnTo>
                    <a:pt x="33" y="441"/>
                  </a:lnTo>
                  <a:lnTo>
                    <a:pt x="45" y="515"/>
                  </a:lnTo>
                  <a:lnTo>
                    <a:pt x="58" y="584"/>
                  </a:lnTo>
                  <a:lnTo>
                    <a:pt x="75" y="656"/>
                  </a:lnTo>
                  <a:lnTo>
                    <a:pt x="91" y="725"/>
                  </a:lnTo>
                  <a:lnTo>
                    <a:pt x="110" y="795"/>
                  </a:lnTo>
                  <a:lnTo>
                    <a:pt x="130" y="863"/>
                  </a:lnTo>
                  <a:lnTo>
                    <a:pt x="152" y="930"/>
                  </a:lnTo>
                  <a:lnTo>
                    <a:pt x="175" y="998"/>
                  </a:lnTo>
                  <a:lnTo>
                    <a:pt x="201" y="1064"/>
                  </a:lnTo>
                  <a:lnTo>
                    <a:pt x="229" y="1130"/>
                  </a:lnTo>
                  <a:lnTo>
                    <a:pt x="256" y="1194"/>
                  </a:lnTo>
                  <a:lnTo>
                    <a:pt x="285" y="1258"/>
                  </a:lnTo>
                  <a:lnTo>
                    <a:pt x="316" y="1322"/>
                  </a:lnTo>
                  <a:lnTo>
                    <a:pt x="349" y="1385"/>
                  </a:lnTo>
                  <a:lnTo>
                    <a:pt x="384" y="1445"/>
                  </a:lnTo>
                  <a:lnTo>
                    <a:pt x="421" y="1506"/>
                  </a:lnTo>
                  <a:lnTo>
                    <a:pt x="457" y="1564"/>
                  </a:lnTo>
                  <a:lnTo>
                    <a:pt x="496" y="1623"/>
                  </a:lnTo>
                  <a:lnTo>
                    <a:pt x="534" y="1681"/>
                  </a:lnTo>
                  <a:lnTo>
                    <a:pt x="577" y="1738"/>
                  </a:lnTo>
                  <a:lnTo>
                    <a:pt x="619" y="1793"/>
                  </a:lnTo>
                  <a:lnTo>
                    <a:pt x="663" y="1846"/>
                  </a:lnTo>
                  <a:lnTo>
                    <a:pt x="708" y="1899"/>
                  </a:lnTo>
                  <a:lnTo>
                    <a:pt x="754" y="1952"/>
                  </a:lnTo>
                  <a:lnTo>
                    <a:pt x="802" y="2004"/>
                  </a:lnTo>
                  <a:lnTo>
                    <a:pt x="849" y="2053"/>
                  </a:lnTo>
                  <a:lnTo>
                    <a:pt x="901" y="2103"/>
                  </a:lnTo>
                  <a:lnTo>
                    <a:pt x="950" y="2148"/>
                  </a:lnTo>
                  <a:lnTo>
                    <a:pt x="1003" y="2196"/>
                  </a:lnTo>
                  <a:lnTo>
                    <a:pt x="1056" y="2240"/>
                  </a:lnTo>
                  <a:lnTo>
                    <a:pt x="1111" y="2284"/>
                  </a:lnTo>
                  <a:lnTo>
                    <a:pt x="1166" y="2326"/>
                  </a:lnTo>
                  <a:lnTo>
                    <a:pt x="1223" y="2368"/>
                  </a:lnTo>
                  <a:lnTo>
                    <a:pt x="1280" y="2408"/>
                  </a:lnTo>
                  <a:lnTo>
                    <a:pt x="1338" y="2447"/>
                  </a:lnTo>
                  <a:lnTo>
                    <a:pt x="1397" y="2484"/>
                  </a:lnTo>
                  <a:lnTo>
                    <a:pt x="1457" y="2518"/>
                  </a:lnTo>
                  <a:lnTo>
                    <a:pt x="1520" y="2553"/>
                  </a:lnTo>
                  <a:lnTo>
                    <a:pt x="1582" y="2586"/>
                  </a:lnTo>
                  <a:lnTo>
                    <a:pt x="1644" y="2617"/>
                  </a:lnTo>
                  <a:lnTo>
                    <a:pt x="1708" y="2647"/>
                  </a:lnTo>
                  <a:lnTo>
                    <a:pt x="1772" y="2676"/>
                  </a:lnTo>
                  <a:lnTo>
                    <a:pt x="1838" y="2702"/>
                  </a:lnTo>
                  <a:lnTo>
                    <a:pt x="1904" y="2727"/>
                  </a:lnTo>
                  <a:lnTo>
                    <a:pt x="1972" y="2751"/>
                  </a:lnTo>
                  <a:lnTo>
                    <a:pt x="2040" y="2773"/>
                  </a:lnTo>
                  <a:lnTo>
                    <a:pt x="2107" y="2793"/>
                  </a:lnTo>
                  <a:lnTo>
                    <a:pt x="2177" y="2811"/>
                  </a:lnTo>
                  <a:lnTo>
                    <a:pt x="2247" y="2830"/>
                  </a:lnTo>
                  <a:lnTo>
                    <a:pt x="2318" y="2844"/>
                  </a:lnTo>
                  <a:lnTo>
                    <a:pt x="2390" y="2859"/>
                  </a:lnTo>
                  <a:lnTo>
                    <a:pt x="2461" y="2870"/>
                  </a:lnTo>
                  <a:lnTo>
                    <a:pt x="2532" y="2881"/>
                  </a:lnTo>
                  <a:lnTo>
                    <a:pt x="2606" y="2888"/>
                  </a:lnTo>
                  <a:lnTo>
                    <a:pt x="2679" y="2896"/>
                  </a:lnTo>
                  <a:lnTo>
                    <a:pt x="2754" y="2899"/>
                  </a:lnTo>
                  <a:lnTo>
                    <a:pt x="2827" y="2903"/>
                  </a:lnTo>
                  <a:lnTo>
                    <a:pt x="2902" y="2903"/>
                  </a:lnTo>
                  <a:lnTo>
                    <a:pt x="2902" y="1161"/>
                  </a:lnTo>
                  <a:lnTo>
                    <a:pt x="2902" y="1161"/>
                  </a:lnTo>
                  <a:lnTo>
                    <a:pt x="2844" y="1159"/>
                  </a:lnTo>
                  <a:lnTo>
                    <a:pt x="2783" y="1156"/>
                  </a:lnTo>
                  <a:lnTo>
                    <a:pt x="2726" y="1148"/>
                  </a:lnTo>
                  <a:lnTo>
                    <a:pt x="2670" y="1137"/>
                  </a:lnTo>
                  <a:lnTo>
                    <a:pt x="2613" y="1125"/>
                  </a:lnTo>
                  <a:lnTo>
                    <a:pt x="2558" y="1110"/>
                  </a:lnTo>
                  <a:lnTo>
                    <a:pt x="2503" y="1092"/>
                  </a:lnTo>
                  <a:lnTo>
                    <a:pt x="2450" y="1070"/>
                  </a:lnTo>
                  <a:lnTo>
                    <a:pt x="2399" y="1048"/>
                  </a:lnTo>
                  <a:lnTo>
                    <a:pt x="2349" y="1022"/>
                  </a:lnTo>
                  <a:lnTo>
                    <a:pt x="2300" y="993"/>
                  </a:lnTo>
                  <a:lnTo>
                    <a:pt x="2254" y="963"/>
                  </a:lnTo>
                  <a:lnTo>
                    <a:pt x="2208" y="930"/>
                  </a:lnTo>
                  <a:lnTo>
                    <a:pt x="2164" y="896"/>
                  </a:lnTo>
                  <a:lnTo>
                    <a:pt x="2122" y="859"/>
                  </a:lnTo>
                  <a:lnTo>
                    <a:pt x="2082" y="821"/>
                  </a:lnTo>
                  <a:lnTo>
                    <a:pt x="2043" y="780"/>
                  </a:lnTo>
                  <a:lnTo>
                    <a:pt x="2007" y="738"/>
                  </a:lnTo>
                  <a:lnTo>
                    <a:pt x="1972" y="694"/>
                  </a:lnTo>
                  <a:lnTo>
                    <a:pt x="1939" y="650"/>
                  </a:lnTo>
                  <a:lnTo>
                    <a:pt x="1910" y="603"/>
                  </a:lnTo>
                  <a:lnTo>
                    <a:pt x="1882" y="553"/>
                  </a:lnTo>
                  <a:lnTo>
                    <a:pt x="1857" y="504"/>
                  </a:lnTo>
                  <a:lnTo>
                    <a:pt x="1833" y="452"/>
                  </a:lnTo>
                  <a:lnTo>
                    <a:pt x="1813" y="399"/>
                  </a:lnTo>
                  <a:lnTo>
                    <a:pt x="1794" y="346"/>
                  </a:lnTo>
                  <a:lnTo>
                    <a:pt x="1778" y="289"/>
                  </a:lnTo>
                  <a:lnTo>
                    <a:pt x="1765" y="234"/>
                  </a:lnTo>
                  <a:lnTo>
                    <a:pt x="1754" y="178"/>
                  </a:lnTo>
                  <a:lnTo>
                    <a:pt x="1747" y="119"/>
                  </a:lnTo>
                  <a:lnTo>
                    <a:pt x="1743" y="60"/>
                  </a:lnTo>
                  <a:lnTo>
                    <a:pt x="1741" y="0"/>
                  </a:lnTo>
                  <a:lnTo>
                    <a:pt x="1741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42" name="Freeform: Shape 19"/>
            <p:cNvSpPr/>
            <p:nvPr/>
          </p:nvSpPr>
          <p:spPr bwMode="auto">
            <a:xfrm>
              <a:off x="5625502" y="3744762"/>
              <a:ext cx="1575298" cy="1574212"/>
            </a:xfrm>
            <a:custGeom>
              <a:avLst/>
              <a:gdLst>
                <a:gd name="T0" fmla="*/ 0 w 2905"/>
                <a:gd name="T1" fmla="*/ 0 h 2903"/>
                <a:gd name="T2" fmla="*/ 2 w 2905"/>
                <a:gd name="T3" fmla="*/ 75 h 2903"/>
                <a:gd name="T4" fmla="*/ 9 w 2905"/>
                <a:gd name="T5" fmla="*/ 223 h 2903"/>
                <a:gd name="T6" fmla="*/ 24 w 2905"/>
                <a:gd name="T7" fmla="*/ 370 h 2903"/>
                <a:gd name="T8" fmla="*/ 46 w 2905"/>
                <a:gd name="T9" fmla="*/ 515 h 2903"/>
                <a:gd name="T10" fmla="*/ 75 w 2905"/>
                <a:gd name="T11" fmla="*/ 656 h 2903"/>
                <a:gd name="T12" fmla="*/ 112 w 2905"/>
                <a:gd name="T13" fmla="*/ 795 h 2903"/>
                <a:gd name="T14" fmla="*/ 154 w 2905"/>
                <a:gd name="T15" fmla="*/ 930 h 2903"/>
                <a:gd name="T16" fmla="*/ 202 w 2905"/>
                <a:gd name="T17" fmla="*/ 1064 h 2903"/>
                <a:gd name="T18" fmla="*/ 257 w 2905"/>
                <a:gd name="T19" fmla="*/ 1194 h 2903"/>
                <a:gd name="T20" fmla="*/ 319 w 2905"/>
                <a:gd name="T21" fmla="*/ 1322 h 2903"/>
                <a:gd name="T22" fmla="*/ 385 w 2905"/>
                <a:gd name="T23" fmla="*/ 1445 h 2903"/>
                <a:gd name="T24" fmla="*/ 458 w 2905"/>
                <a:gd name="T25" fmla="*/ 1564 h 2903"/>
                <a:gd name="T26" fmla="*/ 537 w 2905"/>
                <a:gd name="T27" fmla="*/ 1681 h 2903"/>
                <a:gd name="T28" fmla="*/ 621 w 2905"/>
                <a:gd name="T29" fmla="*/ 1793 h 2903"/>
                <a:gd name="T30" fmla="*/ 709 w 2905"/>
                <a:gd name="T31" fmla="*/ 1899 h 2903"/>
                <a:gd name="T32" fmla="*/ 802 w 2905"/>
                <a:gd name="T33" fmla="*/ 2004 h 2903"/>
                <a:gd name="T34" fmla="*/ 901 w 2905"/>
                <a:gd name="T35" fmla="*/ 2103 h 2903"/>
                <a:gd name="T36" fmla="*/ 1004 w 2905"/>
                <a:gd name="T37" fmla="*/ 2196 h 2903"/>
                <a:gd name="T38" fmla="*/ 1112 w 2905"/>
                <a:gd name="T39" fmla="*/ 2284 h 2903"/>
                <a:gd name="T40" fmla="*/ 1224 w 2905"/>
                <a:gd name="T41" fmla="*/ 2368 h 2903"/>
                <a:gd name="T42" fmla="*/ 1339 w 2905"/>
                <a:gd name="T43" fmla="*/ 2447 h 2903"/>
                <a:gd name="T44" fmla="*/ 1460 w 2905"/>
                <a:gd name="T45" fmla="*/ 2518 h 2903"/>
                <a:gd name="T46" fmla="*/ 1583 w 2905"/>
                <a:gd name="T47" fmla="*/ 2586 h 2903"/>
                <a:gd name="T48" fmla="*/ 1709 w 2905"/>
                <a:gd name="T49" fmla="*/ 2647 h 2903"/>
                <a:gd name="T50" fmla="*/ 1839 w 2905"/>
                <a:gd name="T51" fmla="*/ 2702 h 2903"/>
                <a:gd name="T52" fmla="*/ 1973 w 2905"/>
                <a:gd name="T53" fmla="*/ 2751 h 2903"/>
                <a:gd name="T54" fmla="*/ 2110 w 2905"/>
                <a:gd name="T55" fmla="*/ 2793 h 2903"/>
                <a:gd name="T56" fmla="*/ 2249 w 2905"/>
                <a:gd name="T57" fmla="*/ 2830 h 2903"/>
                <a:gd name="T58" fmla="*/ 2390 w 2905"/>
                <a:gd name="T59" fmla="*/ 2859 h 2903"/>
                <a:gd name="T60" fmla="*/ 2535 w 2905"/>
                <a:gd name="T61" fmla="*/ 2881 h 2903"/>
                <a:gd name="T62" fmla="*/ 2681 w 2905"/>
                <a:gd name="T63" fmla="*/ 2896 h 2903"/>
                <a:gd name="T64" fmla="*/ 2830 w 2905"/>
                <a:gd name="T65" fmla="*/ 2903 h 2903"/>
                <a:gd name="T66" fmla="*/ 2905 w 2905"/>
                <a:gd name="T67" fmla="*/ 1161 h 2903"/>
                <a:gd name="T68" fmla="*/ 2844 w 2905"/>
                <a:gd name="T69" fmla="*/ 1159 h 2903"/>
                <a:gd name="T70" fmla="*/ 2727 w 2905"/>
                <a:gd name="T71" fmla="*/ 1148 h 2903"/>
                <a:gd name="T72" fmla="*/ 2614 w 2905"/>
                <a:gd name="T73" fmla="*/ 1125 h 2903"/>
                <a:gd name="T74" fmla="*/ 2506 w 2905"/>
                <a:gd name="T75" fmla="*/ 1092 h 2903"/>
                <a:gd name="T76" fmla="*/ 2401 w 2905"/>
                <a:gd name="T77" fmla="*/ 1048 h 2903"/>
                <a:gd name="T78" fmla="*/ 2302 w 2905"/>
                <a:gd name="T79" fmla="*/ 993 h 2903"/>
                <a:gd name="T80" fmla="*/ 2209 w 2905"/>
                <a:gd name="T81" fmla="*/ 930 h 2903"/>
                <a:gd name="T82" fmla="*/ 2123 w 2905"/>
                <a:gd name="T83" fmla="*/ 859 h 2903"/>
                <a:gd name="T84" fmla="*/ 2044 w 2905"/>
                <a:gd name="T85" fmla="*/ 780 h 2903"/>
                <a:gd name="T86" fmla="*/ 1974 w 2905"/>
                <a:gd name="T87" fmla="*/ 694 h 2903"/>
                <a:gd name="T88" fmla="*/ 1910 w 2905"/>
                <a:gd name="T89" fmla="*/ 603 h 2903"/>
                <a:gd name="T90" fmla="*/ 1857 w 2905"/>
                <a:gd name="T91" fmla="*/ 504 h 2903"/>
                <a:gd name="T92" fmla="*/ 1813 w 2905"/>
                <a:gd name="T93" fmla="*/ 399 h 2903"/>
                <a:gd name="T94" fmla="*/ 1780 w 2905"/>
                <a:gd name="T95" fmla="*/ 289 h 2903"/>
                <a:gd name="T96" fmla="*/ 1757 w 2905"/>
                <a:gd name="T97" fmla="*/ 178 h 2903"/>
                <a:gd name="T98" fmla="*/ 1744 w 2905"/>
                <a:gd name="T99" fmla="*/ 60 h 2903"/>
                <a:gd name="T100" fmla="*/ 1744 w 2905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1744" y="0"/>
                  </a:moveTo>
                  <a:lnTo>
                    <a:pt x="0" y="0"/>
                  </a:lnTo>
                  <a:lnTo>
                    <a:pt x="0" y="0"/>
                  </a:lnTo>
                  <a:lnTo>
                    <a:pt x="2" y="75"/>
                  </a:lnTo>
                  <a:lnTo>
                    <a:pt x="4" y="150"/>
                  </a:lnTo>
                  <a:lnTo>
                    <a:pt x="9" y="223"/>
                  </a:lnTo>
                  <a:lnTo>
                    <a:pt x="17" y="297"/>
                  </a:lnTo>
                  <a:lnTo>
                    <a:pt x="24" y="370"/>
                  </a:lnTo>
                  <a:lnTo>
                    <a:pt x="35" y="441"/>
                  </a:lnTo>
                  <a:lnTo>
                    <a:pt x="46" y="515"/>
                  </a:lnTo>
                  <a:lnTo>
                    <a:pt x="61" y="584"/>
                  </a:lnTo>
                  <a:lnTo>
                    <a:pt x="75" y="656"/>
                  </a:lnTo>
                  <a:lnTo>
                    <a:pt x="92" y="725"/>
                  </a:lnTo>
                  <a:lnTo>
                    <a:pt x="112" y="795"/>
                  </a:lnTo>
                  <a:lnTo>
                    <a:pt x="132" y="863"/>
                  </a:lnTo>
                  <a:lnTo>
                    <a:pt x="154" y="930"/>
                  </a:lnTo>
                  <a:lnTo>
                    <a:pt x="178" y="998"/>
                  </a:lnTo>
                  <a:lnTo>
                    <a:pt x="202" y="1064"/>
                  </a:lnTo>
                  <a:lnTo>
                    <a:pt x="229" y="1130"/>
                  </a:lnTo>
                  <a:lnTo>
                    <a:pt x="257" y="1194"/>
                  </a:lnTo>
                  <a:lnTo>
                    <a:pt x="288" y="1258"/>
                  </a:lnTo>
                  <a:lnTo>
                    <a:pt x="319" y="1322"/>
                  </a:lnTo>
                  <a:lnTo>
                    <a:pt x="352" y="1385"/>
                  </a:lnTo>
                  <a:lnTo>
                    <a:pt x="385" y="1445"/>
                  </a:lnTo>
                  <a:lnTo>
                    <a:pt x="422" y="1506"/>
                  </a:lnTo>
                  <a:lnTo>
                    <a:pt x="458" y="1564"/>
                  </a:lnTo>
                  <a:lnTo>
                    <a:pt x="497" y="1623"/>
                  </a:lnTo>
                  <a:lnTo>
                    <a:pt x="537" y="1681"/>
                  </a:lnTo>
                  <a:lnTo>
                    <a:pt x="577" y="1738"/>
                  </a:lnTo>
                  <a:lnTo>
                    <a:pt x="621" y="1793"/>
                  </a:lnTo>
                  <a:lnTo>
                    <a:pt x="663" y="1846"/>
                  </a:lnTo>
                  <a:lnTo>
                    <a:pt x="709" y="1899"/>
                  </a:lnTo>
                  <a:lnTo>
                    <a:pt x="755" y="1952"/>
                  </a:lnTo>
                  <a:lnTo>
                    <a:pt x="802" y="2004"/>
                  </a:lnTo>
                  <a:lnTo>
                    <a:pt x="852" y="2053"/>
                  </a:lnTo>
                  <a:lnTo>
                    <a:pt x="901" y="2103"/>
                  </a:lnTo>
                  <a:lnTo>
                    <a:pt x="953" y="2148"/>
                  </a:lnTo>
                  <a:lnTo>
                    <a:pt x="1004" y="2196"/>
                  </a:lnTo>
                  <a:lnTo>
                    <a:pt x="1057" y="2240"/>
                  </a:lnTo>
                  <a:lnTo>
                    <a:pt x="1112" y="2284"/>
                  </a:lnTo>
                  <a:lnTo>
                    <a:pt x="1167" y="2326"/>
                  </a:lnTo>
                  <a:lnTo>
                    <a:pt x="1224" y="2368"/>
                  </a:lnTo>
                  <a:lnTo>
                    <a:pt x="1280" y="2408"/>
                  </a:lnTo>
                  <a:lnTo>
                    <a:pt x="1339" y="2447"/>
                  </a:lnTo>
                  <a:lnTo>
                    <a:pt x="1399" y="2484"/>
                  </a:lnTo>
                  <a:lnTo>
                    <a:pt x="1460" y="2518"/>
                  </a:lnTo>
                  <a:lnTo>
                    <a:pt x="1520" y="2553"/>
                  </a:lnTo>
                  <a:lnTo>
                    <a:pt x="1583" y="2586"/>
                  </a:lnTo>
                  <a:lnTo>
                    <a:pt x="1645" y="2617"/>
                  </a:lnTo>
                  <a:lnTo>
                    <a:pt x="1709" y="2647"/>
                  </a:lnTo>
                  <a:lnTo>
                    <a:pt x="1775" y="2676"/>
                  </a:lnTo>
                  <a:lnTo>
                    <a:pt x="1839" y="2702"/>
                  </a:lnTo>
                  <a:lnTo>
                    <a:pt x="1907" y="2727"/>
                  </a:lnTo>
                  <a:lnTo>
                    <a:pt x="1973" y="2751"/>
                  </a:lnTo>
                  <a:lnTo>
                    <a:pt x="2040" y="2773"/>
                  </a:lnTo>
                  <a:lnTo>
                    <a:pt x="2110" y="2793"/>
                  </a:lnTo>
                  <a:lnTo>
                    <a:pt x="2180" y="2811"/>
                  </a:lnTo>
                  <a:lnTo>
                    <a:pt x="2249" y="2830"/>
                  </a:lnTo>
                  <a:lnTo>
                    <a:pt x="2319" y="2844"/>
                  </a:lnTo>
                  <a:lnTo>
                    <a:pt x="2390" y="2859"/>
                  </a:lnTo>
                  <a:lnTo>
                    <a:pt x="2462" y="2870"/>
                  </a:lnTo>
                  <a:lnTo>
                    <a:pt x="2535" y="2881"/>
                  </a:lnTo>
                  <a:lnTo>
                    <a:pt x="2608" y="2888"/>
                  </a:lnTo>
                  <a:lnTo>
                    <a:pt x="2681" y="2896"/>
                  </a:lnTo>
                  <a:lnTo>
                    <a:pt x="2755" y="2899"/>
                  </a:lnTo>
                  <a:lnTo>
                    <a:pt x="2830" y="2903"/>
                  </a:lnTo>
                  <a:lnTo>
                    <a:pt x="2905" y="2903"/>
                  </a:lnTo>
                  <a:lnTo>
                    <a:pt x="2905" y="1161"/>
                  </a:lnTo>
                  <a:lnTo>
                    <a:pt x="2905" y="1161"/>
                  </a:lnTo>
                  <a:lnTo>
                    <a:pt x="2844" y="1159"/>
                  </a:lnTo>
                  <a:lnTo>
                    <a:pt x="2786" y="1156"/>
                  </a:lnTo>
                  <a:lnTo>
                    <a:pt x="2727" y="1148"/>
                  </a:lnTo>
                  <a:lnTo>
                    <a:pt x="2670" y="1137"/>
                  </a:lnTo>
                  <a:lnTo>
                    <a:pt x="2614" y="1125"/>
                  </a:lnTo>
                  <a:lnTo>
                    <a:pt x="2559" y="1110"/>
                  </a:lnTo>
                  <a:lnTo>
                    <a:pt x="2506" y="1092"/>
                  </a:lnTo>
                  <a:lnTo>
                    <a:pt x="2452" y="1070"/>
                  </a:lnTo>
                  <a:lnTo>
                    <a:pt x="2401" y="1048"/>
                  </a:lnTo>
                  <a:lnTo>
                    <a:pt x="2350" y="1022"/>
                  </a:lnTo>
                  <a:lnTo>
                    <a:pt x="2302" y="993"/>
                  </a:lnTo>
                  <a:lnTo>
                    <a:pt x="2255" y="963"/>
                  </a:lnTo>
                  <a:lnTo>
                    <a:pt x="2209" y="930"/>
                  </a:lnTo>
                  <a:lnTo>
                    <a:pt x="2165" y="896"/>
                  </a:lnTo>
                  <a:lnTo>
                    <a:pt x="2123" y="859"/>
                  </a:lnTo>
                  <a:lnTo>
                    <a:pt x="2082" y="821"/>
                  </a:lnTo>
                  <a:lnTo>
                    <a:pt x="2044" y="780"/>
                  </a:lnTo>
                  <a:lnTo>
                    <a:pt x="2007" y="738"/>
                  </a:lnTo>
                  <a:lnTo>
                    <a:pt x="1974" y="694"/>
                  </a:lnTo>
                  <a:lnTo>
                    <a:pt x="1941" y="650"/>
                  </a:lnTo>
                  <a:lnTo>
                    <a:pt x="1910" y="603"/>
                  </a:lnTo>
                  <a:lnTo>
                    <a:pt x="1883" y="553"/>
                  </a:lnTo>
                  <a:lnTo>
                    <a:pt x="1857" y="504"/>
                  </a:lnTo>
                  <a:lnTo>
                    <a:pt x="1833" y="452"/>
                  </a:lnTo>
                  <a:lnTo>
                    <a:pt x="1813" y="399"/>
                  </a:lnTo>
                  <a:lnTo>
                    <a:pt x="1795" y="346"/>
                  </a:lnTo>
                  <a:lnTo>
                    <a:pt x="1780" y="289"/>
                  </a:lnTo>
                  <a:lnTo>
                    <a:pt x="1766" y="234"/>
                  </a:lnTo>
                  <a:lnTo>
                    <a:pt x="1757" y="178"/>
                  </a:lnTo>
                  <a:lnTo>
                    <a:pt x="1749" y="119"/>
                  </a:lnTo>
                  <a:lnTo>
                    <a:pt x="1744" y="60"/>
                  </a:lnTo>
                  <a:lnTo>
                    <a:pt x="1744" y="0"/>
                  </a:lnTo>
                  <a:lnTo>
                    <a:pt x="1744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43" name="Freeform: Shape 20"/>
            <p:cNvSpPr/>
            <p:nvPr/>
          </p:nvSpPr>
          <p:spPr bwMode="auto">
            <a:xfrm>
              <a:off x="3213034" y="3691698"/>
              <a:ext cx="1360802" cy="510803"/>
            </a:xfrm>
            <a:custGeom>
              <a:avLst/>
              <a:gdLst>
                <a:gd name="T0" fmla="*/ 0 w 2031"/>
                <a:gd name="T1" fmla="*/ 0 h 762"/>
                <a:gd name="T2" fmla="*/ 1016 w 2031"/>
                <a:gd name="T3" fmla="*/ 762 h 762"/>
                <a:gd name="T4" fmla="*/ 2031 w 2031"/>
                <a:gd name="T5" fmla="*/ 0 h 762"/>
                <a:gd name="T6" fmla="*/ 0 w 2031"/>
                <a:gd name="T7" fmla="*/ 0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1" h="762">
                  <a:moveTo>
                    <a:pt x="0" y="0"/>
                  </a:moveTo>
                  <a:lnTo>
                    <a:pt x="1016" y="762"/>
                  </a:lnTo>
                  <a:lnTo>
                    <a:pt x="2031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44" name="Freeform: Shape 23"/>
            <p:cNvSpPr/>
            <p:nvPr/>
          </p:nvSpPr>
          <p:spPr bwMode="auto">
            <a:xfrm>
              <a:off x="7623216" y="3691698"/>
              <a:ext cx="1360802" cy="510803"/>
            </a:xfrm>
            <a:custGeom>
              <a:avLst/>
              <a:gdLst>
                <a:gd name="T0" fmla="*/ 0 w 2031"/>
                <a:gd name="T1" fmla="*/ 0 h 762"/>
                <a:gd name="T2" fmla="*/ 1015 w 2031"/>
                <a:gd name="T3" fmla="*/ 762 h 762"/>
                <a:gd name="T4" fmla="*/ 2031 w 2031"/>
                <a:gd name="T5" fmla="*/ 0 h 762"/>
                <a:gd name="T6" fmla="*/ 0 w 2031"/>
                <a:gd name="T7" fmla="*/ 0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1" h="762">
                  <a:moveTo>
                    <a:pt x="0" y="0"/>
                  </a:moveTo>
                  <a:lnTo>
                    <a:pt x="1015" y="762"/>
                  </a:lnTo>
                  <a:lnTo>
                    <a:pt x="2031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45" name="Freeform: Shape 25"/>
            <p:cNvSpPr/>
            <p:nvPr/>
          </p:nvSpPr>
          <p:spPr bwMode="auto">
            <a:xfrm>
              <a:off x="4996251" y="2169467"/>
              <a:ext cx="1575297" cy="1575295"/>
            </a:xfrm>
            <a:custGeom>
              <a:avLst/>
              <a:gdLst>
                <a:gd name="T0" fmla="*/ 0 w 2905"/>
                <a:gd name="T1" fmla="*/ 1742 h 2903"/>
                <a:gd name="T2" fmla="*/ 61 w 2905"/>
                <a:gd name="T3" fmla="*/ 1744 h 2903"/>
                <a:gd name="T4" fmla="*/ 178 w 2905"/>
                <a:gd name="T5" fmla="*/ 1755 h 2903"/>
                <a:gd name="T6" fmla="*/ 291 w 2905"/>
                <a:gd name="T7" fmla="*/ 1778 h 2903"/>
                <a:gd name="T8" fmla="*/ 399 w 2905"/>
                <a:gd name="T9" fmla="*/ 1811 h 2903"/>
                <a:gd name="T10" fmla="*/ 504 w 2905"/>
                <a:gd name="T11" fmla="*/ 1855 h 2903"/>
                <a:gd name="T12" fmla="*/ 603 w 2905"/>
                <a:gd name="T13" fmla="*/ 1910 h 2903"/>
                <a:gd name="T14" fmla="*/ 696 w 2905"/>
                <a:gd name="T15" fmla="*/ 1973 h 2903"/>
                <a:gd name="T16" fmla="*/ 782 w 2905"/>
                <a:gd name="T17" fmla="*/ 2044 h 2903"/>
                <a:gd name="T18" fmla="*/ 861 w 2905"/>
                <a:gd name="T19" fmla="*/ 2123 h 2903"/>
                <a:gd name="T20" fmla="*/ 931 w 2905"/>
                <a:gd name="T21" fmla="*/ 2209 h 2903"/>
                <a:gd name="T22" fmla="*/ 995 w 2905"/>
                <a:gd name="T23" fmla="*/ 2300 h 2903"/>
                <a:gd name="T24" fmla="*/ 1048 w 2905"/>
                <a:gd name="T25" fmla="*/ 2399 h 2903"/>
                <a:gd name="T26" fmla="*/ 1092 w 2905"/>
                <a:gd name="T27" fmla="*/ 2504 h 2903"/>
                <a:gd name="T28" fmla="*/ 1125 w 2905"/>
                <a:gd name="T29" fmla="*/ 2614 h 2903"/>
                <a:gd name="T30" fmla="*/ 1148 w 2905"/>
                <a:gd name="T31" fmla="*/ 2725 h 2903"/>
                <a:gd name="T32" fmla="*/ 1161 w 2905"/>
                <a:gd name="T33" fmla="*/ 2843 h 2903"/>
                <a:gd name="T34" fmla="*/ 2905 w 2905"/>
                <a:gd name="T35" fmla="*/ 2903 h 2903"/>
                <a:gd name="T36" fmla="*/ 2903 w 2905"/>
                <a:gd name="T37" fmla="*/ 2828 h 2903"/>
                <a:gd name="T38" fmla="*/ 2896 w 2905"/>
                <a:gd name="T39" fmla="*/ 2680 h 2903"/>
                <a:gd name="T40" fmla="*/ 2881 w 2905"/>
                <a:gd name="T41" fmla="*/ 2533 h 2903"/>
                <a:gd name="T42" fmla="*/ 2859 w 2905"/>
                <a:gd name="T43" fmla="*/ 2388 h 2903"/>
                <a:gd name="T44" fmla="*/ 2830 w 2905"/>
                <a:gd name="T45" fmla="*/ 2247 h 2903"/>
                <a:gd name="T46" fmla="*/ 2793 w 2905"/>
                <a:gd name="T47" fmla="*/ 2108 h 2903"/>
                <a:gd name="T48" fmla="*/ 2751 w 2905"/>
                <a:gd name="T49" fmla="*/ 1973 h 2903"/>
                <a:gd name="T50" fmla="*/ 2703 w 2905"/>
                <a:gd name="T51" fmla="*/ 1839 h 2903"/>
                <a:gd name="T52" fmla="*/ 2648 w 2905"/>
                <a:gd name="T53" fmla="*/ 1709 h 2903"/>
                <a:gd name="T54" fmla="*/ 2586 w 2905"/>
                <a:gd name="T55" fmla="*/ 1581 h 2903"/>
                <a:gd name="T56" fmla="*/ 2520 w 2905"/>
                <a:gd name="T57" fmla="*/ 1458 h 2903"/>
                <a:gd name="T58" fmla="*/ 2447 w 2905"/>
                <a:gd name="T59" fmla="*/ 1339 h 2903"/>
                <a:gd name="T60" fmla="*/ 2368 w 2905"/>
                <a:gd name="T61" fmla="*/ 1222 h 2903"/>
                <a:gd name="T62" fmla="*/ 2284 w 2905"/>
                <a:gd name="T63" fmla="*/ 1110 h 2903"/>
                <a:gd name="T64" fmla="*/ 2196 w 2905"/>
                <a:gd name="T65" fmla="*/ 1004 h 2903"/>
                <a:gd name="T66" fmla="*/ 2103 w 2905"/>
                <a:gd name="T67" fmla="*/ 899 h 2903"/>
                <a:gd name="T68" fmla="*/ 2004 w 2905"/>
                <a:gd name="T69" fmla="*/ 800 h 2903"/>
                <a:gd name="T70" fmla="*/ 1901 w 2905"/>
                <a:gd name="T71" fmla="*/ 707 h 2903"/>
                <a:gd name="T72" fmla="*/ 1793 w 2905"/>
                <a:gd name="T73" fmla="*/ 619 h 2903"/>
                <a:gd name="T74" fmla="*/ 1681 w 2905"/>
                <a:gd name="T75" fmla="*/ 535 h 2903"/>
                <a:gd name="T76" fmla="*/ 1566 w 2905"/>
                <a:gd name="T77" fmla="*/ 456 h 2903"/>
                <a:gd name="T78" fmla="*/ 1445 w 2905"/>
                <a:gd name="T79" fmla="*/ 385 h 2903"/>
                <a:gd name="T80" fmla="*/ 1322 w 2905"/>
                <a:gd name="T81" fmla="*/ 317 h 2903"/>
                <a:gd name="T82" fmla="*/ 1196 w 2905"/>
                <a:gd name="T83" fmla="*/ 256 h 2903"/>
                <a:gd name="T84" fmla="*/ 1066 w 2905"/>
                <a:gd name="T85" fmla="*/ 201 h 2903"/>
                <a:gd name="T86" fmla="*/ 932 w 2905"/>
                <a:gd name="T87" fmla="*/ 152 h 2903"/>
                <a:gd name="T88" fmla="*/ 795 w 2905"/>
                <a:gd name="T89" fmla="*/ 110 h 2903"/>
                <a:gd name="T90" fmla="*/ 656 w 2905"/>
                <a:gd name="T91" fmla="*/ 73 h 2903"/>
                <a:gd name="T92" fmla="*/ 515 w 2905"/>
                <a:gd name="T93" fmla="*/ 44 h 2903"/>
                <a:gd name="T94" fmla="*/ 370 w 2905"/>
                <a:gd name="T95" fmla="*/ 22 h 2903"/>
                <a:gd name="T96" fmla="*/ 224 w 2905"/>
                <a:gd name="T97" fmla="*/ 7 h 2903"/>
                <a:gd name="T98" fmla="*/ 75 w 2905"/>
                <a:gd name="T99" fmla="*/ 0 h 2903"/>
                <a:gd name="T100" fmla="*/ 0 w 2905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0" y="0"/>
                  </a:moveTo>
                  <a:lnTo>
                    <a:pt x="0" y="1742"/>
                  </a:lnTo>
                  <a:lnTo>
                    <a:pt x="0" y="1742"/>
                  </a:lnTo>
                  <a:lnTo>
                    <a:pt x="61" y="1744"/>
                  </a:lnTo>
                  <a:lnTo>
                    <a:pt x="119" y="1747"/>
                  </a:lnTo>
                  <a:lnTo>
                    <a:pt x="178" y="1755"/>
                  </a:lnTo>
                  <a:lnTo>
                    <a:pt x="235" y="1766"/>
                  </a:lnTo>
                  <a:lnTo>
                    <a:pt x="291" y="1778"/>
                  </a:lnTo>
                  <a:lnTo>
                    <a:pt x="346" y="1793"/>
                  </a:lnTo>
                  <a:lnTo>
                    <a:pt x="399" y="1811"/>
                  </a:lnTo>
                  <a:lnTo>
                    <a:pt x="453" y="1833"/>
                  </a:lnTo>
                  <a:lnTo>
                    <a:pt x="504" y="1855"/>
                  </a:lnTo>
                  <a:lnTo>
                    <a:pt x="555" y="1881"/>
                  </a:lnTo>
                  <a:lnTo>
                    <a:pt x="603" y="1910"/>
                  </a:lnTo>
                  <a:lnTo>
                    <a:pt x="650" y="1940"/>
                  </a:lnTo>
                  <a:lnTo>
                    <a:pt x="696" y="1973"/>
                  </a:lnTo>
                  <a:lnTo>
                    <a:pt x="740" y="2007"/>
                  </a:lnTo>
                  <a:lnTo>
                    <a:pt x="782" y="2044"/>
                  </a:lnTo>
                  <a:lnTo>
                    <a:pt x="823" y="2082"/>
                  </a:lnTo>
                  <a:lnTo>
                    <a:pt x="861" y="2123"/>
                  </a:lnTo>
                  <a:lnTo>
                    <a:pt x="898" y="2165"/>
                  </a:lnTo>
                  <a:lnTo>
                    <a:pt x="931" y="2209"/>
                  </a:lnTo>
                  <a:lnTo>
                    <a:pt x="964" y="2253"/>
                  </a:lnTo>
                  <a:lnTo>
                    <a:pt x="995" y="2300"/>
                  </a:lnTo>
                  <a:lnTo>
                    <a:pt x="1022" y="2350"/>
                  </a:lnTo>
                  <a:lnTo>
                    <a:pt x="1048" y="2399"/>
                  </a:lnTo>
                  <a:lnTo>
                    <a:pt x="1072" y="2451"/>
                  </a:lnTo>
                  <a:lnTo>
                    <a:pt x="1092" y="2504"/>
                  </a:lnTo>
                  <a:lnTo>
                    <a:pt x="1110" y="2557"/>
                  </a:lnTo>
                  <a:lnTo>
                    <a:pt x="1125" y="2614"/>
                  </a:lnTo>
                  <a:lnTo>
                    <a:pt x="1139" y="2669"/>
                  </a:lnTo>
                  <a:lnTo>
                    <a:pt x="1148" y="2725"/>
                  </a:lnTo>
                  <a:lnTo>
                    <a:pt x="1156" y="2784"/>
                  </a:lnTo>
                  <a:lnTo>
                    <a:pt x="1161" y="2843"/>
                  </a:lnTo>
                  <a:lnTo>
                    <a:pt x="1161" y="2903"/>
                  </a:lnTo>
                  <a:lnTo>
                    <a:pt x="2905" y="2903"/>
                  </a:lnTo>
                  <a:lnTo>
                    <a:pt x="2905" y="2903"/>
                  </a:lnTo>
                  <a:lnTo>
                    <a:pt x="2903" y="2828"/>
                  </a:lnTo>
                  <a:lnTo>
                    <a:pt x="2901" y="2753"/>
                  </a:lnTo>
                  <a:lnTo>
                    <a:pt x="2896" y="2680"/>
                  </a:lnTo>
                  <a:lnTo>
                    <a:pt x="2888" y="2606"/>
                  </a:lnTo>
                  <a:lnTo>
                    <a:pt x="2881" y="2533"/>
                  </a:lnTo>
                  <a:lnTo>
                    <a:pt x="2870" y="2462"/>
                  </a:lnTo>
                  <a:lnTo>
                    <a:pt x="2859" y="2388"/>
                  </a:lnTo>
                  <a:lnTo>
                    <a:pt x="2844" y="2319"/>
                  </a:lnTo>
                  <a:lnTo>
                    <a:pt x="2830" y="2247"/>
                  </a:lnTo>
                  <a:lnTo>
                    <a:pt x="2813" y="2178"/>
                  </a:lnTo>
                  <a:lnTo>
                    <a:pt x="2793" y="2108"/>
                  </a:lnTo>
                  <a:lnTo>
                    <a:pt x="2773" y="2040"/>
                  </a:lnTo>
                  <a:lnTo>
                    <a:pt x="2751" y="1973"/>
                  </a:lnTo>
                  <a:lnTo>
                    <a:pt x="2727" y="1905"/>
                  </a:lnTo>
                  <a:lnTo>
                    <a:pt x="2703" y="1839"/>
                  </a:lnTo>
                  <a:lnTo>
                    <a:pt x="2676" y="1773"/>
                  </a:lnTo>
                  <a:lnTo>
                    <a:pt x="2648" y="1709"/>
                  </a:lnTo>
                  <a:lnTo>
                    <a:pt x="2617" y="1645"/>
                  </a:lnTo>
                  <a:lnTo>
                    <a:pt x="2586" y="1581"/>
                  </a:lnTo>
                  <a:lnTo>
                    <a:pt x="2553" y="1518"/>
                  </a:lnTo>
                  <a:lnTo>
                    <a:pt x="2520" y="1458"/>
                  </a:lnTo>
                  <a:lnTo>
                    <a:pt x="2483" y="1397"/>
                  </a:lnTo>
                  <a:lnTo>
                    <a:pt x="2447" y="1339"/>
                  </a:lnTo>
                  <a:lnTo>
                    <a:pt x="2408" y="1280"/>
                  </a:lnTo>
                  <a:lnTo>
                    <a:pt x="2368" y="1222"/>
                  </a:lnTo>
                  <a:lnTo>
                    <a:pt x="2328" y="1165"/>
                  </a:lnTo>
                  <a:lnTo>
                    <a:pt x="2284" y="1110"/>
                  </a:lnTo>
                  <a:lnTo>
                    <a:pt x="2242" y="1057"/>
                  </a:lnTo>
                  <a:lnTo>
                    <a:pt x="2196" y="1004"/>
                  </a:lnTo>
                  <a:lnTo>
                    <a:pt x="2150" y="951"/>
                  </a:lnTo>
                  <a:lnTo>
                    <a:pt x="2103" y="899"/>
                  </a:lnTo>
                  <a:lnTo>
                    <a:pt x="2053" y="850"/>
                  </a:lnTo>
                  <a:lnTo>
                    <a:pt x="2004" y="800"/>
                  </a:lnTo>
                  <a:lnTo>
                    <a:pt x="1952" y="755"/>
                  </a:lnTo>
                  <a:lnTo>
                    <a:pt x="1901" y="707"/>
                  </a:lnTo>
                  <a:lnTo>
                    <a:pt x="1848" y="663"/>
                  </a:lnTo>
                  <a:lnTo>
                    <a:pt x="1793" y="619"/>
                  </a:lnTo>
                  <a:lnTo>
                    <a:pt x="1738" y="577"/>
                  </a:lnTo>
                  <a:lnTo>
                    <a:pt x="1681" y="535"/>
                  </a:lnTo>
                  <a:lnTo>
                    <a:pt x="1625" y="495"/>
                  </a:lnTo>
                  <a:lnTo>
                    <a:pt x="1566" y="456"/>
                  </a:lnTo>
                  <a:lnTo>
                    <a:pt x="1506" y="419"/>
                  </a:lnTo>
                  <a:lnTo>
                    <a:pt x="1445" y="385"/>
                  </a:lnTo>
                  <a:lnTo>
                    <a:pt x="1385" y="350"/>
                  </a:lnTo>
                  <a:lnTo>
                    <a:pt x="1322" y="317"/>
                  </a:lnTo>
                  <a:lnTo>
                    <a:pt x="1260" y="286"/>
                  </a:lnTo>
                  <a:lnTo>
                    <a:pt x="1196" y="256"/>
                  </a:lnTo>
                  <a:lnTo>
                    <a:pt x="1130" y="227"/>
                  </a:lnTo>
                  <a:lnTo>
                    <a:pt x="1066" y="201"/>
                  </a:lnTo>
                  <a:lnTo>
                    <a:pt x="998" y="176"/>
                  </a:lnTo>
                  <a:lnTo>
                    <a:pt x="932" y="152"/>
                  </a:lnTo>
                  <a:lnTo>
                    <a:pt x="865" y="130"/>
                  </a:lnTo>
                  <a:lnTo>
                    <a:pt x="795" y="110"/>
                  </a:lnTo>
                  <a:lnTo>
                    <a:pt x="725" y="92"/>
                  </a:lnTo>
                  <a:lnTo>
                    <a:pt x="656" y="73"/>
                  </a:lnTo>
                  <a:lnTo>
                    <a:pt x="586" y="59"/>
                  </a:lnTo>
                  <a:lnTo>
                    <a:pt x="515" y="44"/>
                  </a:lnTo>
                  <a:lnTo>
                    <a:pt x="443" y="33"/>
                  </a:lnTo>
                  <a:lnTo>
                    <a:pt x="370" y="22"/>
                  </a:lnTo>
                  <a:lnTo>
                    <a:pt x="297" y="15"/>
                  </a:lnTo>
                  <a:lnTo>
                    <a:pt x="224" y="7"/>
                  </a:lnTo>
                  <a:lnTo>
                    <a:pt x="150" y="4"/>
                  </a:lnTo>
                  <a:lnTo>
                    <a:pt x="75" y="0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46" name="Freeform: Shape 26"/>
            <p:cNvSpPr/>
            <p:nvPr/>
          </p:nvSpPr>
          <p:spPr bwMode="auto">
            <a:xfrm>
              <a:off x="5417452" y="3285940"/>
              <a:ext cx="1362143" cy="510803"/>
            </a:xfrm>
            <a:custGeom>
              <a:avLst/>
              <a:gdLst>
                <a:gd name="T0" fmla="*/ 2032 w 2032"/>
                <a:gd name="T1" fmla="*/ 762 h 762"/>
                <a:gd name="T2" fmla="*/ 1016 w 2032"/>
                <a:gd name="T3" fmla="*/ 0 h 762"/>
                <a:gd name="T4" fmla="*/ 0 w 2032"/>
                <a:gd name="T5" fmla="*/ 762 h 762"/>
                <a:gd name="T6" fmla="*/ 2032 w 2032"/>
                <a:gd name="T7" fmla="*/ 762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2" h="762">
                  <a:moveTo>
                    <a:pt x="2032" y="762"/>
                  </a:moveTo>
                  <a:lnTo>
                    <a:pt x="1016" y="0"/>
                  </a:lnTo>
                  <a:lnTo>
                    <a:pt x="0" y="762"/>
                  </a:lnTo>
                  <a:lnTo>
                    <a:pt x="2032" y="762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</p:grpSp>
      <p:grpSp>
        <p:nvGrpSpPr>
          <p:cNvPr id="47" name="组合 1"/>
          <p:cNvGrpSpPr/>
          <p:nvPr/>
        </p:nvGrpSpPr>
        <p:grpSpPr>
          <a:xfrm rot="1106774">
            <a:off x="-99839" y="5984266"/>
            <a:ext cx="1193616" cy="933901"/>
            <a:chOff x="3213034" y="2169467"/>
            <a:chExt cx="5770984" cy="3149507"/>
          </a:xfrm>
        </p:grpSpPr>
        <p:sp>
          <p:nvSpPr>
            <p:cNvPr id="48" name="Oval 32"/>
            <p:cNvSpPr/>
            <p:nvPr/>
          </p:nvSpPr>
          <p:spPr>
            <a:xfrm>
              <a:off x="6650647" y="3206028"/>
              <a:ext cx="1084349" cy="1084349"/>
            </a:xfrm>
            <a:prstGeom prst="ellipse">
              <a:avLst/>
            </a:prstGeom>
            <a:solidFill>
              <a:schemeClr val="bg1">
                <a:lumMod val="9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49" name="Oval 30"/>
            <p:cNvSpPr/>
            <p:nvPr/>
          </p:nvSpPr>
          <p:spPr>
            <a:xfrm>
              <a:off x="4444881" y="3206028"/>
              <a:ext cx="1084349" cy="1084349"/>
            </a:xfrm>
            <a:prstGeom prst="ellipse">
              <a:avLst/>
            </a:prstGeom>
            <a:solidFill>
              <a:schemeClr val="bg1">
                <a:lumMod val="9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50" name="Freeform: Shape 13"/>
            <p:cNvSpPr/>
            <p:nvPr/>
          </p:nvSpPr>
          <p:spPr bwMode="auto">
            <a:xfrm>
              <a:off x="5625502" y="2169467"/>
              <a:ext cx="1575298" cy="1575295"/>
            </a:xfrm>
            <a:custGeom>
              <a:avLst/>
              <a:gdLst>
                <a:gd name="T0" fmla="*/ 2905 w 2905"/>
                <a:gd name="T1" fmla="*/ 0 h 2903"/>
                <a:gd name="T2" fmla="*/ 2830 w 2905"/>
                <a:gd name="T3" fmla="*/ 0 h 2903"/>
                <a:gd name="T4" fmla="*/ 2681 w 2905"/>
                <a:gd name="T5" fmla="*/ 7 h 2903"/>
                <a:gd name="T6" fmla="*/ 2535 w 2905"/>
                <a:gd name="T7" fmla="*/ 22 h 2903"/>
                <a:gd name="T8" fmla="*/ 2390 w 2905"/>
                <a:gd name="T9" fmla="*/ 44 h 2903"/>
                <a:gd name="T10" fmla="*/ 2249 w 2905"/>
                <a:gd name="T11" fmla="*/ 73 h 2903"/>
                <a:gd name="T12" fmla="*/ 2110 w 2905"/>
                <a:gd name="T13" fmla="*/ 110 h 2903"/>
                <a:gd name="T14" fmla="*/ 1973 w 2905"/>
                <a:gd name="T15" fmla="*/ 152 h 2903"/>
                <a:gd name="T16" fmla="*/ 1839 w 2905"/>
                <a:gd name="T17" fmla="*/ 201 h 2903"/>
                <a:gd name="T18" fmla="*/ 1709 w 2905"/>
                <a:gd name="T19" fmla="*/ 256 h 2903"/>
                <a:gd name="T20" fmla="*/ 1583 w 2905"/>
                <a:gd name="T21" fmla="*/ 317 h 2903"/>
                <a:gd name="T22" fmla="*/ 1460 w 2905"/>
                <a:gd name="T23" fmla="*/ 385 h 2903"/>
                <a:gd name="T24" fmla="*/ 1339 w 2905"/>
                <a:gd name="T25" fmla="*/ 456 h 2903"/>
                <a:gd name="T26" fmla="*/ 1224 w 2905"/>
                <a:gd name="T27" fmla="*/ 535 h 2903"/>
                <a:gd name="T28" fmla="*/ 1112 w 2905"/>
                <a:gd name="T29" fmla="*/ 619 h 2903"/>
                <a:gd name="T30" fmla="*/ 1004 w 2905"/>
                <a:gd name="T31" fmla="*/ 707 h 2903"/>
                <a:gd name="T32" fmla="*/ 901 w 2905"/>
                <a:gd name="T33" fmla="*/ 800 h 2903"/>
                <a:gd name="T34" fmla="*/ 802 w 2905"/>
                <a:gd name="T35" fmla="*/ 899 h 2903"/>
                <a:gd name="T36" fmla="*/ 709 w 2905"/>
                <a:gd name="T37" fmla="*/ 1004 h 2903"/>
                <a:gd name="T38" fmla="*/ 621 w 2905"/>
                <a:gd name="T39" fmla="*/ 1110 h 2903"/>
                <a:gd name="T40" fmla="*/ 537 w 2905"/>
                <a:gd name="T41" fmla="*/ 1222 h 2903"/>
                <a:gd name="T42" fmla="*/ 458 w 2905"/>
                <a:gd name="T43" fmla="*/ 1339 h 2903"/>
                <a:gd name="T44" fmla="*/ 385 w 2905"/>
                <a:gd name="T45" fmla="*/ 1458 h 2903"/>
                <a:gd name="T46" fmla="*/ 319 w 2905"/>
                <a:gd name="T47" fmla="*/ 1581 h 2903"/>
                <a:gd name="T48" fmla="*/ 257 w 2905"/>
                <a:gd name="T49" fmla="*/ 1709 h 2903"/>
                <a:gd name="T50" fmla="*/ 202 w 2905"/>
                <a:gd name="T51" fmla="*/ 1839 h 2903"/>
                <a:gd name="T52" fmla="*/ 154 w 2905"/>
                <a:gd name="T53" fmla="*/ 1973 h 2903"/>
                <a:gd name="T54" fmla="*/ 112 w 2905"/>
                <a:gd name="T55" fmla="*/ 2108 h 2903"/>
                <a:gd name="T56" fmla="*/ 75 w 2905"/>
                <a:gd name="T57" fmla="*/ 2247 h 2903"/>
                <a:gd name="T58" fmla="*/ 46 w 2905"/>
                <a:gd name="T59" fmla="*/ 2388 h 2903"/>
                <a:gd name="T60" fmla="*/ 24 w 2905"/>
                <a:gd name="T61" fmla="*/ 2533 h 2903"/>
                <a:gd name="T62" fmla="*/ 9 w 2905"/>
                <a:gd name="T63" fmla="*/ 2680 h 2903"/>
                <a:gd name="T64" fmla="*/ 2 w 2905"/>
                <a:gd name="T65" fmla="*/ 2828 h 2903"/>
                <a:gd name="T66" fmla="*/ 1744 w 2905"/>
                <a:gd name="T67" fmla="*/ 2903 h 2903"/>
                <a:gd name="T68" fmla="*/ 1744 w 2905"/>
                <a:gd name="T69" fmla="*/ 2843 h 2903"/>
                <a:gd name="T70" fmla="*/ 1757 w 2905"/>
                <a:gd name="T71" fmla="*/ 2725 h 2903"/>
                <a:gd name="T72" fmla="*/ 1780 w 2905"/>
                <a:gd name="T73" fmla="*/ 2614 h 2903"/>
                <a:gd name="T74" fmla="*/ 1813 w 2905"/>
                <a:gd name="T75" fmla="*/ 2504 h 2903"/>
                <a:gd name="T76" fmla="*/ 1857 w 2905"/>
                <a:gd name="T77" fmla="*/ 2399 h 2903"/>
                <a:gd name="T78" fmla="*/ 1910 w 2905"/>
                <a:gd name="T79" fmla="*/ 2300 h 2903"/>
                <a:gd name="T80" fmla="*/ 1974 w 2905"/>
                <a:gd name="T81" fmla="*/ 2209 h 2903"/>
                <a:gd name="T82" fmla="*/ 2044 w 2905"/>
                <a:gd name="T83" fmla="*/ 2123 h 2903"/>
                <a:gd name="T84" fmla="*/ 2123 w 2905"/>
                <a:gd name="T85" fmla="*/ 2044 h 2903"/>
                <a:gd name="T86" fmla="*/ 2209 w 2905"/>
                <a:gd name="T87" fmla="*/ 1973 h 2903"/>
                <a:gd name="T88" fmla="*/ 2302 w 2905"/>
                <a:gd name="T89" fmla="*/ 1910 h 2903"/>
                <a:gd name="T90" fmla="*/ 2401 w 2905"/>
                <a:gd name="T91" fmla="*/ 1855 h 2903"/>
                <a:gd name="T92" fmla="*/ 2506 w 2905"/>
                <a:gd name="T93" fmla="*/ 1811 h 2903"/>
                <a:gd name="T94" fmla="*/ 2614 w 2905"/>
                <a:gd name="T95" fmla="*/ 1778 h 2903"/>
                <a:gd name="T96" fmla="*/ 2727 w 2905"/>
                <a:gd name="T97" fmla="*/ 1755 h 2903"/>
                <a:gd name="T98" fmla="*/ 2844 w 2905"/>
                <a:gd name="T99" fmla="*/ 1744 h 2903"/>
                <a:gd name="T100" fmla="*/ 2905 w 2905"/>
                <a:gd name="T101" fmla="*/ 1742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2905" y="1742"/>
                  </a:moveTo>
                  <a:lnTo>
                    <a:pt x="2905" y="0"/>
                  </a:lnTo>
                  <a:lnTo>
                    <a:pt x="2905" y="0"/>
                  </a:lnTo>
                  <a:lnTo>
                    <a:pt x="2830" y="0"/>
                  </a:lnTo>
                  <a:lnTo>
                    <a:pt x="2755" y="4"/>
                  </a:lnTo>
                  <a:lnTo>
                    <a:pt x="2681" y="7"/>
                  </a:lnTo>
                  <a:lnTo>
                    <a:pt x="2608" y="15"/>
                  </a:lnTo>
                  <a:lnTo>
                    <a:pt x="2535" y="22"/>
                  </a:lnTo>
                  <a:lnTo>
                    <a:pt x="2462" y="33"/>
                  </a:lnTo>
                  <a:lnTo>
                    <a:pt x="2390" y="44"/>
                  </a:lnTo>
                  <a:lnTo>
                    <a:pt x="2319" y="59"/>
                  </a:lnTo>
                  <a:lnTo>
                    <a:pt x="2249" y="73"/>
                  </a:lnTo>
                  <a:lnTo>
                    <a:pt x="2180" y="92"/>
                  </a:lnTo>
                  <a:lnTo>
                    <a:pt x="2110" y="110"/>
                  </a:lnTo>
                  <a:lnTo>
                    <a:pt x="2040" y="130"/>
                  </a:lnTo>
                  <a:lnTo>
                    <a:pt x="1973" y="152"/>
                  </a:lnTo>
                  <a:lnTo>
                    <a:pt x="1907" y="176"/>
                  </a:lnTo>
                  <a:lnTo>
                    <a:pt x="1839" y="201"/>
                  </a:lnTo>
                  <a:lnTo>
                    <a:pt x="1775" y="227"/>
                  </a:lnTo>
                  <a:lnTo>
                    <a:pt x="1709" y="256"/>
                  </a:lnTo>
                  <a:lnTo>
                    <a:pt x="1645" y="286"/>
                  </a:lnTo>
                  <a:lnTo>
                    <a:pt x="1583" y="317"/>
                  </a:lnTo>
                  <a:lnTo>
                    <a:pt x="1520" y="350"/>
                  </a:lnTo>
                  <a:lnTo>
                    <a:pt x="1460" y="385"/>
                  </a:lnTo>
                  <a:lnTo>
                    <a:pt x="1399" y="419"/>
                  </a:lnTo>
                  <a:lnTo>
                    <a:pt x="1339" y="456"/>
                  </a:lnTo>
                  <a:lnTo>
                    <a:pt x="1280" y="495"/>
                  </a:lnTo>
                  <a:lnTo>
                    <a:pt x="1224" y="535"/>
                  </a:lnTo>
                  <a:lnTo>
                    <a:pt x="1167" y="577"/>
                  </a:lnTo>
                  <a:lnTo>
                    <a:pt x="1112" y="619"/>
                  </a:lnTo>
                  <a:lnTo>
                    <a:pt x="1057" y="663"/>
                  </a:lnTo>
                  <a:lnTo>
                    <a:pt x="1004" y="707"/>
                  </a:lnTo>
                  <a:lnTo>
                    <a:pt x="953" y="755"/>
                  </a:lnTo>
                  <a:lnTo>
                    <a:pt x="901" y="800"/>
                  </a:lnTo>
                  <a:lnTo>
                    <a:pt x="852" y="850"/>
                  </a:lnTo>
                  <a:lnTo>
                    <a:pt x="802" y="899"/>
                  </a:lnTo>
                  <a:lnTo>
                    <a:pt x="755" y="951"/>
                  </a:lnTo>
                  <a:lnTo>
                    <a:pt x="709" y="1004"/>
                  </a:lnTo>
                  <a:lnTo>
                    <a:pt x="663" y="1057"/>
                  </a:lnTo>
                  <a:lnTo>
                    <a:pt x="621" y="1110"/>
                  </a:lnTo>
                  <a:lnTo>
                    <a:pt x="577" y="1165"/>
                  </a:lnTo>
                  <a:lnTo>
                    <a:pt x="537" y="1222"/>
                  </a:lnTo>
                  <a:lnTo>
                    <a:pt x="497" y="1280"/>
                  </a:lnTo>
                  <a:lnTo>
                    <a:pt x="458" y="1339"/>
                  </a:lnTo>
                  <a:lnTo>
                    <a:pt x="422" y="1397"/>
                  </a:lnTo>
                  <a:lnTo>
                    <a:pt x="385" y="1458"/>
                  </a:lnTo>
                  <a:lnTo>
                    <a:pt x="352" y="1518"/>
                  </a:lnTo>
                  <a:lnTo>
                    <a:pt x="319" y="1581"/>
                  </a:lnTo>
                  <a:lnTo>
                    <a:pt x="288" y="1645"/>
                  </a:lnTo>
                  <a:lnTo>
                    <a:pt x="257" y="1709"/>
                  </a:lnTo>
                  <a:lnTo>
                    <a:pt x="229" y="1773"/>
                  </a:lnTo>
                  <a:lnTo>
                    <a:pt x="202" y="1839"/>
                  </a:lnTo>
                  <a:lnTo>
                    <a:pt x="178" y="1905"/>
                  </a:lnTo>
                  <a:lnTo>
                    <a:pt x="154" y="1973"/>
                  </a:lnTo>
                  <a:lnTo>
                    <a:pt x="132" y="2040"/>
                  </a:lnTo>
                  <a:lnTo>
                    <a:pt x="112" y="2108"/>
                  </a:lnTo>
                  <a:lnTo>
                    <a:pt x="92" y="2178"/>
                  </a:lnTo>
                  <a:lnTo>
                    <a:pt x="75" y="2247"/>
                  </a:lnTo>
                  <a:lnTo>
                    <a:pt x="61" y="2319"/>
                  </a:lnTo>
                  <a:lnTo>
                    <a:pt x="46" y="2388"/>
                  </a:lnTo>
                  <a:lnTo>
                    <a:pt x="35" y="2462"/>
                  </a:lnTo>
                  <a:lnTo>
                    <a:pt x="24" y="2533"/>
                  </a:lnTo>
                  <a:lnTo>
                    <a:pt x="17" y="2606"/>
                  </a:lnTo>
                  <a:lnTo>
                    <a:pt x="9" y="2680"/>
                  </a:lnTo>
                  <a:lnTo>
                    <a:pt x="4" y="2753"/>
                  </a:lnTo>
                  <a:lnTo>
                    <a:pt x="2" y="2828"/>
                  </a:lnTo>
                  <a:lnTo>
                    <a:pt x="0" y="2903"/>
                  </a:lnTo>
                  <a:lnTo>
                    <a:pt x="1744" y="2903"/>
                  </a:lnTo>
                  <a:lnTo>
                    <a:pt x="1744" y="2903"/>
                  </a:lnTo>
                  <a:lnTo>
                    <a:pt x="1744" y="2843"/>
                  </a:lnTo>
                  <a:lnTo>
                    <a:pt x="1749" y="2784"/>
                  </a:lnTo>
                  <a:lnTo>
                    <a:pt x="1757" y="2725"/>
                  </a:lnTo>
                  <a:lnTo>
                    <a:pt x="1766" y="2669"/>
                  </a:lnTo>
                  <a:lnTo>
                    <a:pt x="1780" y="2614"/>
                  </a:lnTo>
                  <a:lnTo>
                    <a:pt x="1795" y="2557"/>
                  </a:lnTo>
                  <a:lnTo>
                    <a:pt x="1813" y="2504"/>
                  </a:lnTo>
                  <a:lnTo>
                    <a:pt x="1833" y="2451"/>
                  </a:lnTo>
                  <a:lnTo>
                    <a:pt x="1857" y="2399"/>
                  </a:lnTo>
                  <a:lnTo>
                    <a:pt x="1883" y="2350"/>
                  </a:lnTo>
                  <a:lnTo>
                    <a:pt x="1910" y="2300"/>
                  </a:lnTo>
                  <a:lnTo>
                    <a:pt x="1941" y="2253"/>
                  </a:lnTo>
                  <a:lnTo>
                    <a:pt x="1974" y="2209"/>
                  </a:lnTo>
                  <a:lnTo>
                    <a:pt x="2007" y="2165"/>
                  </a:lnTo>
                  <a:lnTo>
                    <a:pt x="2044" y="2123"/>
                  </a:lnTo>
                  <a:lnTo>
                    <a:pt x="2082" y="2082"/>
                  </a:lnTo>
                  <a:lnTo>
                    <a:pt x="2123" y="2044"/>
                  </a:lnTo>
                  <a:lnTo>
                    <a:pt x="2165" y="2007"/>
                  </a:lnTo>
                  <a:lnTo>
                    <a:pt x="2209" y="1973"/>
                  </a:lnTo>
                  <a:lnTo>
                    <a:pt x="2255" y="1940"/>
                  </a:lnTo>
                  <a:lnTo>
                    <a:pt x="2302" y="1910"/>
                  </a:lnTo>
                  <a:lnTo>
                    <a:pt x="2350" y="1881"/>
                  </a:lnTo>
                  <a:lnTo>
                    <a:pt x="2401" y="1855"/>
                  </a:lnTo>
                  <a:lnTo>
                    <a:pt x="2452" y="1833"/>
                  </a:lnTo>
                  <a:lnTo>
                    <a:pt x="2506" y="1811"/>
                  </a:lnTo>
                  <a:lnTo>
                    <a:pt x="2559" y="1793"/>
                  </a:lnTo>
                  <a:lnTo>
                    <a:pt x="2614" y="1778"/>
                  </a:lnTo>
                  <a:lnTo>
                    <a:pt x="2670" y="1766"/>
                  </a:lnTo>
                  <a:lnTo>
                    <a:pt x="2727" y="1755"/>
                  </a:lnTo>
                  <a:lnTo>
                    <a:pt x="2786" y="1747"/>
                  </a:lnTo>
                  <a:lnTo>
                    <a:pt x="2844" y="1744"/>
                  </a:lnTo>
                  <a:lnTo>
                    <a:pt x="2905" y="1742"/>
                  </a:lnTo>
                  <a:lnTo>
                    <a:pt x="2905" y="1742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51" name="Freeform: Shape 14"/>
            <p:cNvSpPr/>
            <p:nvPr/>
          </p:nvSpPr>
          <p:spPr bwMode="auto">
            <a:xfrm>
              <a:off x="7200800" y="2169467"/>
              <a:ext cx="1575298" cy="1575295"/>
            </a:xfrm>
            <a:custGeom>
              <a:avLst/>
              <a:gdLst>
                <a:gd name="T0" fmla="*/ 0 w 2902"/>
                <a:gd name="T1" fmla="*/ 1742 h 2903"/>
                <a:gd name="T2" fmla="*/ 58 w 2902"/>
                <a:gd name="T3" fmla="*/ 1744 h 2903"/>
                <a:gd name="T4" fmla="*/ 176 w 2902"/>
                <a:gd name="T5" fmla="*/ 1755 h 2903"/>
                <a:gd name="T6" fmla="*/ 289 w 2902"/>
                <a:gd name="T7" fmla="*/ 1778 h 2903"/>
                <a:gd name="T8" fmla="*/ 399 w 2902"/>
                <a:gd name="T9" fmla="*/ 1811 h 2903"/>
                <a:gd name="T10" fmla="*/ 503 w 2902"/>
                <a:gd name="T11" fmla="*/ 1855 h 2903"/>
                <a:gd name="T12" fmla="*/ 602 w 2902"/>
                <a:gd name="T13" fmla="*/ 1910 h 2903"/>
                <a:gd name="T14" fmla="*/ 694 w 2902"/>
                <a:gd name="T15" fmla="*/ 1973 h 2903"/>
                <a:gd name="T16" fmla="*/ 780 w 2902"/>
                <a:gd name="T17" fmla="*/ 2044 h 2903"/>
                <a:gd name="T18" fmla="*/ 859 w 2902"/>
                <a:gd name="T19" fmla="*/ 2123 h 2903"/>
                <a:gd name="T20" fmla="*/ 930 w 2902"/>
                <a:gd name="T21" fmla="*/ 2209 h 2903"/>
                <a:gd name="T22" fmla="*/ 992 w 2902"/>
                <a:gd name="T23" fmla="*/ 2300 h 2903"/>
                <a:gd name="T24" fmla="*/ 1045 w 2902"/>
                <a:gd name="T25" fmla="*/ 2399 h 2903"/>
                <a:gd name="T26" fmla="*/ 1089 w 2902"/>
                <a:gd name="T27" fmla="*/ 2504 h 2903"/>
                <a:gd name="T28" fmla="*/ 1124 w 2902"/>
                <a:gd name="T29" fmla="*/ 2614 h 2903"/>
                <a:gd name="T30" fmla="*/ 1148 w 2902"/>
                <a:gd name="T31" fmla="*/ 2725 h 2903"/>
                <a:gd name="T32" fmla="*/ 1159 w 2902"/>
                <a:gd name="T33" fmla="*/ 2843 h 2903"/>
                <a:gd name="T34" fmla="*/ 2902 w 2902"/>
                <a:gd name="T35" fmla="*/ 2903 h 2903"/>
                <a:gd name="T36" fmla="*/ 2900 w 2902"/>
                <a:gd name="T37" fmla="*/ 2828 h 2903"/>
                <a:gd name="T38" fmla="*/ 2893 w 2902"/>
                <a:gd name="T39" fmla="*/ 2680 h 2903"/>
                <a:gd name="T40" fmla="*/ 2879 w 2902"/>
                <a:gd name="T41" fmla="*/ 2533 h 2903"/>
                <a:gd name="T42" fmla="*/ 2857 w 2902"/>
                <a:gd name="T43" fmla="*/ 2388 h 2903"/>
                <a:gd name="T44" fmla="*/ 2827 w 2902"/>
                <a:gd name="T45" fmla="*/ 2247 h 2903"/>
                <a:gd name="T46" fmla="*/ 2792 w 2902"/>
                <a:gd name="T47" fmla="*/ 2108 h 2903"/>
                <a:gd name="T48" fmla="*/ 2750 w 2902"/>
                <a:gd name="T49" fmla="*/ 1973 h 2903"/>
                <a:gd name="T50" fmla="*/ 2701 w 2902"/>
                <a:gd name="T51" fmla="*/ 1839 h 2903"/>
                <a:gd name="T52" fmla="*/ 2646 w 2902"/>
                <a:gd name="T53" fmla="*/ 1709 h 2903"/>
                <a:gd name="T54" fmla="*/ 2586 w 2902"/>
                <a:gd name="T55" fmla="*/ 1581 h 2903"/>
                <a:gd name="T56" fmla="*/ 2518 w 2902"/>
                <a:gd name="T57" fmla="*/ 1458 h 2903"/>
                <a:gd name="T58" fmla="*/ 2445 w 2902"/>
                <a:gd name="T59" fmla="*/ 1339 h 2903"/>
                <a:gd name="T60" fmla="*/ 2368 w 2902"/>
                <a:gd name="T61" fmla="*/ 1222 h 2903"/>
                <a:gd name="T62" fmla="*/ 2283 w 2902"/>
                <a:gd name="T63" fmla="*/ 1110 h 2903"/>
                <a:gd name="T64" fmla="*/ 2194 w 2902"/>
                <a:gd name="T65" fmla="*/ 1004 h 2903"/>
                <a:gd name="T66" fmla="*/ 2100 w 2902"/>
                <a:gd name="T67" fmla="*/ 899 h 2903"/>
                <a:gd name="T68" fmla="*/ 2001 w 2902"/>
                <a:gd name="T69" fmla="*/ 800 h 2903"/>
                <a:gd name="T70" fmla="*/ 1899 w 2902"/>
                <a:gd name="T71" fmla="*/ 707 h 2903"/>
                <a:gd name="T72" fmla="*/ 1791 w 2902"/>
                <a:gd name="T73" fmla="*/ 619 h 2903"/>
                <a:gd name="T74" fmla="*/ 1679 w 2902"/>
                <a:gd name="T75" fmla="*/ 535 h 2903"/>
                <a:gd name="T76" fmla="*/ 1564 w 2902"/>
                <a:gd name="T77" fmla="*/ 456 h 2903"/>
                <a:gd name="T78" fmla="*/ 1445 w 2902"/>
                <a:gd name="T79" fmla="*/ 385 h 2903"/>
                <a:gd name="T80" fmla="*/ 1320 w 2902"/>
                <a:gd name="T81" fmla="*/ 317 h 2903"/>
                <a:gd name="T82" fmla="*/ 1194 w 2902"/>
                <a:gd name="T83" fmla="*/ 256 h 2903"/>
                <a:gd name="T84" fmla="*/ 1064 w 2902"/>
                <a:gd name="T85" fmla="*/ 201 h 2903"/>
                <a:gd name="T86" fmla="*/ 930 w 2902"/>
                <a:gd name="T87" fmla="*/ 152 h 2903"/>
                <a:gd name="T88" fmla="*/ 795 w 2902"/>
                <a:gd name="T89" fmla="*/ 110 h 2903"/>
                <a:gd name="T90" fmla="*/ 655 w 2902"/>
                <a:gd name="T91" fmla="*/ 73 h 2903"/>
                <a:gd name="T92" fmla="*/ 512 w 2902"/>
                <a:gd name="T93" fmla="*/ 44 h 2903"/>
                <a:gd name="T94" fmla="*/ 370 w 2902"/>
                <a:gd name="T95" fmla="*/ 22 h 2903"/>
                <a:gd name="T96" fmla="*/ 223 w 2902"/>
                <a:gd name="T97" fmla="*/ 7 h 2903"/>
                <a:gd name="T98" fmla="*/ 75 w 2902"/>
                <a:gd name="T99" fmla="*/ 0 h 2903"/>
                <a:gd name="T100" fmla="*/ 0 w 2902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0" y="0"/>
                  </a:moveTo>
                  <a:lnTo>
                    <a:pt x="0" y="1742"/>
                  </a:lnTo>
                  <a:lnTo>
                    <a:pt x="0" y="1742"/>
                  </a:lnTo>
                  <a:lnTo>
                    <a:pt x="58" y="1744"/>
                  </a:lnTo>
                  <a:lnTo>
                    <a:pt x="119" y="1747"/>
                  </a:lnTo>
                  <a:lnTo>
                    <a:pt x="176" y="1755"/>
                  </a:lnTo>
                  <a:lnTo>
                    <a:pt x="232" y="1766"/>
                  </a:lnTo>
                  <a:lnTo>
                    <a:pt x="289" y="1778"/>
                  </a:lnTo>
                  <a:lnTo>
                    <a:pt x="344" y="1793"/>
                  </a:lnTo>
                  <a:lnTo>
                    <a:pt x="399" y="1811"/>
                  </a:lnTo>
                  <a:lnTo>
                    <a:pt x="452" y="1833"/>
                  </a:lnTo>
                  <a:lnTo>
                    <a:pt x="503" y="1855"/>
                  </a:lnTo>
                  <a:lnTo>
                    <a:pt x="553" y="1881"/>
                  </a:lnTo>
                  <a:lnTo>
                    <a:pt x="602" y="1910"/>
                  </a:lnTo>
                  <a:lnTo>
                    <a:pt x="648" y="1940"/>
                  </a:lnTo>
                  <a:lnTo>
                    <a:pt x="694" y="1973"/>
                  </a:lnTo>
                  <a:lnTo>
                    <a:pt x="738" y="2007"/>
                  </a:lnTo>
                  <a:lnTo>
                    <a:pt x="780" y="2044"/>
                  </a:lnTo>
                  <a:lnTo>
                    <a:pt x="820" y="2082"/>
                  </a:lnTo>
                  <a:lnTo>
                    <a:pt x="859" y="2123"/>
                  </a:lnTo>
                  <a:lnTo>
                    <a:pt x="895" y="2165"/>
                  </a:lnTo>
                  <a:lnTo>
                    <a:pt x="930" y="2209"/>
                  </a:lnTo>
                  <a:lnTo>
                    <a:pt x="963" y="2253"/>
                  </a:lnTo>
                  <a:lnTo>
                    <a:pt x="992" y="2300"/>
                  </a:lnTo>
                  <a:lnTo>
                    <a:pt x="1020" y="2350"/>
                  </a:lnTo>
                  <a:lnTo>
                    <a:pt x="1045" y="2399"/>
                  </a:lnTo>
                  <a:lnTo>
                    <a:pt x="1069" y="2451"/>
                  </a:lnTo>
                  <a:lnTo>
                    <a:pt x="1089" y="2504"/>
                  </a:lnTo>
                  <a:lnTo>
                    <a:pt x="1108" y="2557"/>
                  </a:lnTo>
                  <a:lnTo>
                    <a:pt x="1124" y="2614"/>
                  </a:lnTo>
                  <a:lnTo>
                    <a:pt x="1137" y="2669"/>
                  </a:lnTo>
                  <a:lnTo>
                    <a:pt x="1148" y="2725"/>
                  </a:lnTo>
                  <a:lnTo>
                    <a:pt x="1155" y="2784"/>
                  </a:lnTo>
                  <a:lnTo>
                    <a:pt x="1159" y="2843"/>
                  </a:lnTo>
                  <a:lnTo>
                    <a:pt x="1161" y="2903"/>
                  </a:lnTo>
                  <a:lnTo>
                    <a:pt x="2902" y="2903"/>
                  </a:lnTo>
                  <a:lnTo>
                    <a:pt x="2902" y="2903"/>
                  </a:lnTo>
                  <a:lnTo>
                    <a:pt x="2900" y="2828"/>
                  </a:lnTo>
                  <a:lnTo>
                    <a:pt x="2899" y="2753"/>
                  </a:lnTo>
                  <a:lnTo>
                    <a:pt x="2893" y="2680"/>
                  </a:lnTo>
                  <a:lnTo>
                    <a:pt x="2888" y="2606"/>
                  </a:lnTo>
                  <a:lnTo>
                    <a:pt x="2879" y="2533"/>
                  </a:lnTo>
                  <a:lnTo>
                    <a:pt x="2869" y="2462"/>
                  </a:lnTo>
                  <a:lnTo>
                    <a:pt x="2857" y="2388"/>
                  </a:lnTo>
                  <a:lnTo>
                    <a:pt x="2844" y="2319"/>
                  </a:lnTo>
                  <a:lnTo>
                    <a:pt x="2827" y="2247"/>
                  </a:lnTo>
                  <a:lnTo>
                    <a:pt x="2811" y="2178"/>
                  </a:lnTo>
                  <a:lnTo>
                    <a:pt x="2792" y="2108"/>
                  </a:lnTo>
                  <a:lnTo>
                    <a:pt x="2772" y="2040"/>
                  </a:lnTo>
                  <a:lnTo>
                    <a:pt x="2750" y="1973"/>
                  </a:lnTo>
                  <a:lnTo>
                    <a:pt x="2727" y="1905"/>
                  </a:lnTo>
                  <a:lnTo>
                    <a:pt x="2701" y="1839"/>
                  </a:lnTo>
                  <a:lnTo>
                    <a:pt x="2673" y="1773"/>
                  </a:lnTo>
                  <a:lnTo>
                    <a:pt x="2646" y="1709"/>
                  </a:lnTo>
                  <a:lnTo>
                    <a:pt x="2617" y="1645"/>
                  </a:lnTo>
                  <a:lnTo>
                    <a:pt x="2586" y="1581"/>
                  </a:lnTo>
                  <a:lnTo>
                    <a:pt x="2553" y="1518"/>
                  </a:lnTo>
                  <a:lnTo>
                    <a:pt x="2518" y="1458"/>
                  </a:lnTo>
                  <a:lnTo>
                    <a:pt x="2481" y="1397"/>
                  </a:lnTo>
                  <a:lnTo>
                    <a:pt x="2445" y="1339"/>
                  </a:lnTo>
                  <a:lnTo>
                    <a:pt x="2406" y="1280"/>
                  </a:lnTo>
                  <a:lnTo>
                    <a:pt x="2368" y="1222"/>
                  </a:lnTo>
                  <a:lnTo>
                    <a:pt x="2325" y="1165"/>
                  </a:lnTo>
                  <a:lnTo>
                    <a:pt x="2283" y="1110"/>
                  </a:lnTo>
                  <a:lnTo>
                    <a:pt x="2239" y="1057"/>
                  </a:lnTo>
                  <a:lnTo>
                    <a:pt x="2194" y="1004"/>
                  </a:lnTo>
                  <a:lnTo>
                    <a:pt x="2148" y="951"/>
                  </a:lnTo>
                  <a:lnTo>
                    <a:pt x="2100" y="899"/>
                  </a:lnTo>
                  <a:lnTo>
                    <a:pt x="2053" y="850"/>
                  </a:lnTo>
                  <a:lnTo>
                    <a:pt x="2001" y="800"/>
                  </a:lnTo>
                  <a:lnTo>
                    <a:pt x="1952" y="755"/>
                  </a:lnTo>
                  <a:lnTo>
                    <a:pt x="1899" y="707"/>
                  </a:lnTo>
                  <a:lnTo>
                    <a:pt x="1846" y="663"/>
                  </a:lnTo>
                  <a:lnTo>
                    <a:pt x="1791" y="619"/>
                  </a:lnTo>
                  <a:lnTo>
                    <a:pt x="1736" y="577"/>
                  </a:lnTo>
                  <a:lnTo>
                    <a:pt x="1679" y="535"/>
                  </a:lnTo>
                  <a:lnTo>
                    <a:pt x="1622" y="495"/>
                  </a:lnTo>
                  <a:lnTo>
                    <a:pt x="1564" y="456"/>
                  </a:lnTo>
                  <a:lnTo>
                    <a:pt x="1505" y="419"/>
                  </a:lnTo>
                  <a:lnTo>
                    <a:pt x="1445" y="385"/>
                  </a:lnTo>
                  <a:lnTo>
                    <a:pt x="1382" y="350"/>
                  </a:lnTo>
                  <a:lnTo>
                    <a:pt x="1320" y="317"/>
                  </a:lnTo>
                  <a:lnTo>
                    <a:pt x="1258" y="286"/>
                  </a:lnTo>
                  <a:lnTo>
                    <a:pt x="1194" y="256"/>
                  </a:lnTo>
                  <a:lnTo>
                    <a:pt x="1130" y="227"/>
                  </a:lnTo>
                  <a:lnTo>
                    <a:pt x="1064" y="201"/>
                  </a:lnTo>
                  <a:lnTo>
                    <a:pt x="998" y="176"/>
                  </a:lnTo>
                  <a:lnTo>
                    <a:pt x="930" y="152"/>
                  </a:lnTo>
                  <a:lnTo>
                    <a:pt x="862" y="130"/>
                  </a:lnTo>
                  <a:lnTo>
                    <a:pt x="795" y="110"/>
                  </a:lnTo>
                  <a:lnTo>
                    <a:pt x="725" y="92"/>
                  </a:lnTo>
                  <a:lnTo>
                    <a:pt x="655" y="73"/>
                  </a:lnTo>
                  <a:lnTo>
                    <a:pt x="584" y="59"/>
                  </a:lnTo>
                  <a:lnTo>
                    <a:pt x="512" y="44"/>
                  </a:lnTo>
                  <a:lnTo>
                    <a:pt x="441" y="33"/>
                  </a:lnTo>
                  <a:lnTo>
                    <a:pt x="370" y="22"/>
                  </a:lnTo>
                  <a:lnTo>
                    <a:pt x="296" y="15"/>
                  </a:lnTo>
                  <a:lnTo>
                    <a:pt x="223" y="7"/>
                  </a:lnTo>
                  <a:lnTo>
                    <a:pt x="148" y="4"/>
                  </a:lnTo>
                  <a:lnTo>
                    <a:pt x="75" y="0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52" name="Freeform: Shape 15"/>
            <p:cNvSpPr/>
            <p:nvPr/>
          </p:nvSpPr>
          <p:spPr bwMode="auto">
            <a:xfrm>
              <a:off x="7200800" y="3744762"/>
              <a:ext cx="1575298" cy="1574212"/>
            </a:xfrm>
            <a:custGeom>
              <a:avLst/>
              <a:gdLst>
                <a:gd name="T0" fmla="*/ 0 w 2902"/>
                <a:gd name="T1" fmla="*/ 2903 h 2903"/>
                <a:gd name="T2" fmla="*/ 75 w 2902"/>
                <a:gd name="T3" fmla="*/ 2903 h 2903"/>
                <a:gd name="T4" fmla="*/ 223 w 2902"/>
                <a:gd name="T5" fmla="*/ 2896 h 2903"/>
                <a:gd name="T6" fmla="*/ 370 w 2902"/>
                <a:gd name="T7" fmla="*/ 2881 h 2903"/>
                <a:gd name="T8" fmla="*/ 512 w 2902"/>
                <a:gd name="T9" fmla="*/ 2859 h 2903"/>
                <a:gd name="T10" fmla="*/ 655 w 2902"/>
                <a:gd name="T11" fmla="*/ 2830 h 2903"/>
                <a:gd name="T12" fmla="*/ 795 w 2902"/>
                <a:gd name="T13" fmla="*/ 2793 h 2903"/>
                <a:gd name="T14" fmla="*/ 930 w 2902"/>
                <a:gd name="T15" fmla="*/ 2751 h 2903"/>
                <a:gd name="T16" fmla="*/ 1064 w 2902"/>
                <a:gd name="T17" fmla="*/ 2702 h 2903"/>
                <a:gd name="T18" fmla="*/ 1194 w 2902"/>
                <a:gd name="T19" fmla="*/ 2647 h 2903"/>
                <a:gd name="T20" fmla="*/ 1320 w 2902"/>
                <a:gd name="T21" fmla="*/ 2586 h 2903"/>
                <a:gd name="T22" fmla="*/ 1445 w 2902"/>
                <a:gd name="T23" fmla="*/ 2518 h 2903"/>
                <a:gd name="T24" fmla="*/ 1564 w 2902"/>
                <a:gd name="T25" fmla="*/ 2447 h 2903"/>
                <a:gd name="T26" fmla="*/ 1679 w 2902"/>
                <a:gd name="T27" fmla="*/ 2368 h 2903"/>
                <a:gd name="T28" fmla="*/ 1791 w 2902"/>
                <a:gd name="T29" fmla="*/ 2284 h 2903"/>
                <a:gd name="T30" fmla="*/ 1899 w 2902"/>
                <a:gd name="T31" fmla="*/ 2196 h 2903"/>
                <a:gd name="T32" fmla="*/ 2001 w 2902"/>
                <a:gd name="T33" fmla="*/ 2103 h 2903"/>
                <a:gd name="T34" fmla="*/ 2100 w 2902"/>
                <a:gd name="T35" fmla="*/ 2004 h 2903"/>
                <a:gd name="T36" fmla="*/ 2194 w 2902"/>
                <a:gd name="T37" fmla="*/ 1899 h 2903"/>
                <a:gd name="T38" fmla="*/ 2283 w 2902"/>
                <a:gd name="T39" fmla="*/ 1793 h 2903"/>
                <a:gd name="T40" fmla="*/ 2368 w 2902"/>
                <a:gd name="T41" fmla="*/ 1681 h 2903"/>
                <a:gd name="T42" fmla="*/ 2445 w 2902"/>
                <a:gd name="T43" fmla="*/ 1564 h 2903"/>
                <a:gd name="T44" fmla="*/ 2518 w 2902"/>
                <a:gd name="T45" fmla="*/ 1445 h 2903"/>
                <a:gd name="T46" fmla="*/ 2586 w 2902"/>
                <a:gd name="T47" fmla="*/ 1322 h 2903"/>
                <a:gd name="T48" fmla="*/ 2646 w 2902"/>
                <a:gd name="T49" fmla="*/ 1194 h 2903"/>
                <a:gd name="T50" fmla="*/ 2701 w 2902"/>
                <a:gd name="T51" fmla="*/ 1064 h 2903"/>
                <a:gd name="T52" fmla="*/ 2750 w 2902"/>
                <a:gd name="T53" fmla="*/ 930 h 2903"/>
                <a:gd name="T54" fmla="*/ 2792 w 2902"/>
                <a:gd name="T55" fmla="*/ 795 h 2903"/>
                <a:gd name="T56" fmla="*/ 2827 w 2902"/>
                <a:gd name="T57" fmla="*/ 656 h 2903"/>
                <a:gd name="T58" fmla="*/ 2857 w 2902"/>
                <a:gd name="T59" fmla="*/ 515 h 2903"/>
                <a:gd name="T60" fmla="*/ 2879 w 2902"/>
                <a:gd name="T61" fmla="*/ 370 h 2903"/>
                <a:gd name="T62" fmla="*/ 2893 w 2902"/>
                <a:gd name="T63" fmla="*/ 223 h 2903"/>
                <a:gd name="T64" fmla="*/ 2900 w 2902"/>
                <a:gd name="T65" fmla="*/ 75 h 2903"/>
                <a:gd name="T66" fmla="*/ 1161 w 2902"/>
                <a:gd name="T67" fmla="*/ 0 h 2903"/>
                <a:gd name="T68" fmla="*/ 1159 w 2902"/>
                <a:gd name="T69" fmla="*/ 60 h 2903"/>
                <a:gd name="T70" fmla="*/ 1148 w 2902"/>
                <a:gd name="T71" fmla="*/ 178 h 2903"/>
                <a:gd name="T72" fmla="*/ 1124 w 2902"/>
                <a:gd name="T73" fmla="*/ 289 h 2903"/>
                <a:gd name="T74" fmla="*/ 1089 w 2902"/>
                <a:gd name="T75" fmla="*/ 399 h 2903"/>
                <a:gd name="T76" fmla="*/ 1045 w 2902"/>
                <a:gd name="T77" fmla="*/ 504 h 2903"/>
                <a:gd name="T78" fmla="*/ 992 w 2902"/>
                <a:gd name="T79" fmla="*/ 603 h 2903"/>
                <a:gd name="T80" fmla="*/ 930 w 2902"/>
                <a:gd name="T81" fmla="*/ 694 h 2903"/>
                <a:gd name="T82" fmla="*/ 859 w 2902"/>
                <a:gd name="T83" fmla="*/ 780 h 2903"/>
                <a:gd name="T84" fmla="*/ 780 w 2902"/>
                <a:gd name="T85" fmla="*/ 859 h 2903"/>
                <a:gd name="T86" fmla="*/ 694 w 2902"/>
                <a:gd name="T87" fmla="*/ 930 h 2903"/>
                <a:gd name="T88" fmla="*/ 602 w 2902"/>
                <a:gd name="T89" fmla="*/ 993 h 2903"/>
                <a:gd name="T90" fmla="*/ 503 w 2902"/>
                <a:gd name="T91" fmla="*/ 1048 h 2903"/>
                <a:gd name="T92" fmla="*/ 399 w 2902"/>
                <a:gd name="T93" fmla="*/ 1092 h 2903"/>
                <a:gd name="T94" fmla="*/ 289 w 2902"/>
                <a:gd name="T95" fmla="*/ 1125 h 2903"/>
                <a:gd name="T96" fmla="*/ 176 w 2902"/>
                <a:gd name="T97" fmla="*/ 1148 h 2903"/>
                <a:gd name="T98" fmla="*/ 58 w 2902"/>
                <a:gd name="T99" fmla="*/ 1159 h 2903"/>
                <a:gd name="T100" fmla="*/ 0 w 2902"/>
                <a:gd name="T101" fmla="*/ 1161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0" y="1161"/>
                  </a:moveTo>
                  <a:lnTo>
                    <a:pt x="0" y="2903"/>
                  </a:lnTo>
                  <a:lnTo>
                    <a:pt x="0" y="2903"/>
                  </a:lnTo>
                  <a:lnTo>
                    <a:pt x="75" y="2903"/>
                  </a:lnTo>
                  <a:lnTo>
                    <a:pt x="148" y="2899"/>
                  </a:lnTo>
                  <a:lnTo>
                    <a:pt x="223" y="2896"/>
                  </a:lnTo>
                  <a:lnTo>
                    <a:pt x="296" y="2888"/>
                  </a:lnTo>
                  <a:lnTo>
                    <a:pt x="370" y="2881"/>
                  </a:lnTo>
                  <a:lnTo>
                    <a:pt x="441" y="2870"/>
                  </a:lnTo>
                  <a:lnTo>
                    <a:pt x="512" y="2859"/>
                  </a:lnTo>
                  <a:lnTo>
                    <a:pt x="584" y="2844"/>
                  </a:lnTo>
                  <a:lnTo>
                    <a:pt x="655" y="2830"/>
                  </a:lnTo>
                  <a:lnTo>
                    <a:pt x="725" y="2811"/>
                  </a:lnTo>
                  <a:lnTo>
                    <a:pt x="795" y="2793"/>
                  </a:lnTo>
                  <a:lnTo>
                    <a:pt x="862" y="2773"/>
                  </a:lnTo>
                  <a:lnTo>
                    <a:pt x="930" y="2751"/>
                  </a:lnTo>
                  <a:lnTo>
                    <a:pt x="998" y="2727"/>
                  </a:lnTo>
                  <a:lnTo>
                    <a:pt x="1064" y="2702"/>
                  </a:lnTo>
                  <a:lnTo>
                    <a:pt x="1130" y="2676"/>
                  </a:lnTo>
                  <a:lnTo>
                    <a:pt x="1194" y="2647"/>
                  </a:lnTo>
                  <a:lnTo>
                    <a:pt x="1258" y="2617"/>
                  </a:lnTo>
                  <a:lnTo>
                    <a:pt x="1320" y="2586"/>
                  </a:lnTo>
                  <a:lnTo>
                    <a:pt x="1382" y="2553"/>
                  </a:lnTo>
                  <a:lnTo>
                    <a:pt x="1445" y="2518"/>
                  </a:lnTo>
                  <a:lnTo>
                    <a:pt x="1505" y="2484"/>
                  </a:lnTo>
                  <a:lnTo>
                    <a:pt x="1564" y="2447"/>
                  </a:lnTo>
                  <a:lnTo>
                    <a:pt x="1622" y="2408"/>
                  </a:lnTo>
                  <a:lnTo>
                    <a:pt x="1679" y="2368"/>
                  </a:lnTo>
                  <a:lnTo>
                    <a:pt x="1736" y="2326"/>
                  </a:lnTo>
                  <a:lnTo>
                    <a:pt x="1791" y="2284"/>
                  </a:lnTo>
                  <a:lnTo>
                    <a:pt x="1846" y="2240"/>
                  </a:lnTo>
                  <a:lnTo>
                    <a:pt x="1899" y="2196"/>
                  </a:lnTo>
                  <a:lnTo>
                    <a:pt x="1952" y="2148"/>
                  </a:lnTo>
                  <a:lnTo>
                    <a:pt x="2001" y="2103"/>
                  </a:lnTo>
                  <a:lnTo>
                    <a:pt x="2053" y="2053"/>
                  </a:lnTo>
                  <a:lnTo>
                    <a:pt x="2100" y="2004"/>
                  </a:lnTo>
                  <a:lnTo>
                    <a:pt x="2148" y="1952"/>
                  </a:lnTo>
                  <a:lnTo>
                    <a:pt x="2194" y="1899"/>
                  </a:lnTo>
                  <a:lnTo>
                    <a:pt x="2239" y="1846"/>
                  </a:lnTo>
                  <a:lnTo>
                    <a:pt x="2283" y="1793"/>
                  </a:lnTo>
                  <a:lnTo>
                    <a:pt x="2325" y="1738"/>
                  </a:lnTo>
                  <a:lnTo>
                    <a:pt x="2368" y="1681"/>
                  </a:lnTo>
                  <a:lnTo>
                    <a:pt x="2406" y="1623"/>
                  </a:lnTo>
                  <a:lnTo>
                    <a:pt x="2445" y="1564"/>
                  </a:lnTo>
                  <a:lnTo>
                    <a:pt x="2481" y="1506"/>
                  </a:lnTo>
                  <a:lnTo>
                    <a:pt x="2518" y="1445"/>
                  </a:lnTo>
                  <a:lnTo>
                    <a:pt x="2553" y="1385"/>
                  </a:lnTo>
                  <a:lnTo>
                    <a:pt x="2586" y="1322"/>
                  </a:lnTo>
                  <a:lnTo>
                    <a:pt x="2617" y="1258"/>
                  </a:lnTo>
                  <a:lnTo>
                    <a:pt x="2646" y="1194"/>
                  </a:lnTo>
                  <a:lnTo>
                    <a:pt x="2673" y="1130"/>
                  </a:lnTo>
                  <a:lnTo>
                    <a:pt x="2701" y="1064"/>
                  </a:lnTo>
                  <a:lnTo>
                    <a:pt x="2727" y="998"/>
                  </a:lnTo>
                  <a:lnTo>
                    <a:pt x="2750" y="930"/>
                  </a:lnTo>
                  <a:lnTo>
                    <a:pt x="2772" y="863"/>
                  </a:lnTo>
                  <a:lnTo>
                    <a:pt x="2792" y="795"/>
                  </a:lnTo>
                  <a:lnTo>
                    <a:pt x="2811" y="725"/>
                  </a:lnTo>
                  <a:lnTo>
                    <a:pt x="2827" y="656"/>
                  </a:lnTo>
                  <a:lnTo>
                    <a:pt x="2844" y="584"/>
                  </a:lnTo>
                  <a:lnTo>
                    <a:pt x="2857" y="515"/>
                  </a:lnTo>
                  <a:lnTo>
                    <a:pt x="2869" y="441"/>
                  </a:lnTo>
                  <a:lnTo>
                    <a:pt x="2879" y="370"/>
                  </a:lnTo>
                  <a:lnTo>
                    <a:pt x="2888" y="297"/>
                  </a:lnTo>
                  <a:lnTo>
                    <a:pt x="2893" y="223"/>
                  </a:lnTo>
                  <a:lnTo>
                    <a:pt x="2899" y="150"/>
                  </a:lnTo>
                  <a:lnTo>
                    <a:pt x="2900" y="75"/>
                  </a:lnTo>
                  <a:lnTo>
                    <a:pt x="2902" y="0"/>
                  </a:lnTo>
                  <a:lnTo>
                    <a:pt x="1161" y="0"/>
                  </a:lnTo>
                  <a:lnTo>
                    <a:pt x="1161" y="0"/>
                  </a:lnTo>
                  <a:lnTo>
                    <a:pt x="1159" y="60"/>
                  </a:lnTo>
                  <a:lnTo>
                    <a:pt x="1155" y="119"/>
                  </a:lnTo>
                  <a:lnTo>
                    <a:pt x="1148" y="178"/>
                  </a:lnTo>
                  <a:lnTo>
                    <a:pt x="1137" y="234"/>
                  </a:lnTo>
                  <a:lnTo>
                    <a:pt x="1124" y="289"/>
                  </a:lnTo>
                  <a:lnTo>
                    <a:pt x="1108" y="346"/>
                  </a:lnTo>
                  <a:lnTo>
                    <a:pt x="1089" y="399"/>
                  </a:lnTo>
                  <a:lnTo>
                    <a:pt x="1069" y="452"/>
                  </a:lnTo>
                  <a:lnTo>
                    <a:pt x="1045" y="504"/>
                  </a:lnTo>
                  <a:lnTo>
                    <a:pt x="1020" y="553"/>
                  </a:lnTo>
                  <a:lnTo>
                    <a:pt x="992" y="603"/>
                  </a:lnTo>
                  <a:lnTo>
                    <a:pt x="963" y="650"/>
                  </a:lnTo>
                  <a:lnTo>
                    <a:pt x="930" y="694"/>
                  </a:lnTo>
                  <a:lnTo>
                    <a:pt x="895" y="738"/>
                  </a:lnTo>
                  <a:lnTo>
                    <a:pt x="859" y="780"/>
                  </a:lnTo>
                  <a:lnTo>
                    <a:pt x="820" y="821"/>
                  </a:lnTo>
                  <a:lnTo>
                    <a:pt x="780" y="859"/>
                  </a:lnTo>
                  <a:lnTo>
                    <a:pt x="738" y="896"/>
                  </a:lnTo>
                  <a:lnTo>
                    <a:pt x="694" y="930"/>
                  </a:lnTo>
                  <a:lnTo>
                    <a:pt x="648" y="963"/>
                  </a:lnTo>
                  <a:lnTo>
                    <a:pt x="602" y="993"/>
                  </a:lnTo>
                  <a:lnTo>
                    <a:pt x="553" y="1022"/>
                  </a:lnTo>
                  <a:lnTo>
                    <a:pt x="503" y="1048"/>
                  </a:lnTo>
                  <a:lnTo>
                    <a:pt x="452" y="1070"/>
                  </a:lnTo>
                  <a:lnTo>
                    <a:pt x="399" y="1092"/>
                  </a:lnTo>
                  <a:lnTo>
                    <a:pt x="344" y="1110"/>
                  </a:lnTo>
                  <a:lnTo>
                    <a:pt x="289" y="1125"/>
                  </a:lnTo>
                  <a:lnTo>
                    <a:pt x="232" y="1137"/>
                  </a:lnTo>
                  <a:lnTo>
                    <a:pt x="176" y="1148"/>
                  </a:lnTo>
                  <a:lnTo>
                    <a:pt x="119" y="1156"/>
                  </a:lnTo>
                  <a:lnTo>
                    <a:pt x="58" y="1159"/>
                  </a:lnTo>
                  <a:lnTo>
                    <a:pt x="0" y="1161"/>
                  </a:lnTo>
                  <a:lnTo>
                    <a:pt x="0" y="1161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53" name="Freeform: Shape 16"/>
            <p:cNvSpPr/>
            <p:nvPr/>
          </p:nvSpPr>
          <p:spPr bwMode="auto">
            <a:xfrm>
              <a:off x="3420954" y="2169467"/>
              <a:ext cx="1575298" cy="1575295"/>
            </a:xfrm>
            <a:custGeom>
              <a:avLst/>
              <a:gdLst>
                <a:gd name="T0" fmla="*/ 2902 w 2902"/>
                <a:gd name="T1" fmla="*/ 0 h 2903"/>
                <a:gd name="T2" fmla="*/ 2827 w 2902"/>
                <a:gd name="T3" fmla="*/ 0 h 2903"/>
                <a:gd name="T4" fmla="*/ 2679 w 2902"/>
                <a:gd name="T5" fmla="*/ 7 h 2903"/>
                <a:gd name="T6" fmla="*/ 2532 w 2902"/>
                <a:gd name="T7" fmla="*/ 22 h 2903"/>
                <a:gd name="T8" fmla="*/ 2390 w 2902"/>
                <a:gd name="T9" fmla="*/ 44 h 2903"/>
                <a:gd name="T10" fmla="*/ 2247 w 2902"/>
                <a:gd name="T11" fmla="*/ 73 h 2903"/>
                <a:gd name="T12" fmla="*/ 2107 w 2902"/>
                <a:gd name="T13" fmla="*/ 110 h 2903"/>
                <a:gd name="T14" fmla="*/ 1972 w 2902"/>
                <a:gd name="T15" fmla="*/ 152 h 2903"/>
                <a:gd name="T16" fmla="*/ 1838 w 2902"/>
                <a:gd name="T17" fmla="*/ 201 h 2903"/>
                <a:gd name="T18" fmla="*/ 1708 w 2902"/>
                <a:gd name="T19" fmla="*/ 256 h 2903"/>
                <a:gd name="T20" fmla="*/ 1582 w 2902"/>
                <a:gd name="T21" fmla="*/ 317 h 2903"/>
                <a:gd name="T22" fmla="*/ 1457 w 2902"/>
                <a:gd name="T23" fmla="*/ 385 h 2903"/>
                <a:gd name="T24" fmla="*/ 1338 w 2902"/>
                <a:gd name="T25" fmla="*/ 456 h 2903"/>
                <a:gd name="T26" fmla="*/ 1223 w 2902"/>
                <a:gd name="T27" fmla="*/ 535 h 2903"/>
                <a:gd name="T28" fmla="*/ 1111 w 2902"/>
                <a:gd name="T29" fmla="*/ 619 h 2903"/>
                <a:gd name="T30" fmla="*/ 1003 w 2902"/>
                <a:gd name="T31" fmla="*/ 707 h 2903"/>
                <a:gd name="T32" fmla="*/ 901 w 2902"/>
                <a:gd name="T33" fmla="*/ 800 h 2903"/>
                <a:gd name="T34" fmla="*/ 802 w 2902"/>
                <a:gd name="T35" fmla="*/ 899 h 2903"/>
                <a:gd name="T36" fmla="*/ 708 w 2902"/>
                <a:gd name="T37" fmla="*/ 1004 h 2903"/>
                <a:gd name="T38" fmla="*/ 619 w 2902"/>
                <a:gd name="T39" fmla="*/ 1110 h 2903"/>
                <a:gd name="T40" fmla="*/ 534 w 2902"/>
                <a:gd name="T41" fmla="*/ 1222 h 2903"/>
                <a:gd name="T42" fmla="*/ 457 w 2902"/>
                <a:gd name="T43" fmla="*/ 1339 h 2903"/>
                <a:gd name="T44" fmla="*/ 384 w 2902"/>
                <a:gd name="T45" fmla="*/ 1458 h 2903"/>
                <a:gd name="T46" fmla="*/ 316 w 2902"/>
                <a:gd name="T47" fmla="*/ 1581 h 2903"/>
                <a:gd name="T48" fmla="*/ 256 w 2902"/>
                <a:gd name="T49" fmla="*/ 1709 h 2903"/>
                <a:gd name="T50" fmla="*/ 201 w 2902"/>
                <a:gd name="T51" fmla="*/ 1839 h 2903"/>
                <a:gd name="T52" fmla="*/ 152 w 2902"/>
                <a:gd name="T53" fmla="*/ 1973 h 2903"/>
                <a:gd name="T54" fmla="*/ 110 w 2902"/>
                <a:gd name="T55" fmla="*/ 2108 h 2903"/>
                <a:gd name="T56" fmla="*/ 75 w 2902"/>
                <a:gd name="T57" fmla="*/ 2247 h 2903"/>
                <a:gd name="T58" fmla="*/ 45 w 2902"/>
                <a:gd name="T59" fmla="*/ 2388 h 2903"/>
                <a:gd name="T60" fmla="*/ 23 w 2902"/>
                <a:gd name="T61" fmla="*/ 2533 h 2903"/>
                <a:gd name="T62" fmla="*/ 9 w 2902"/>
                <a:gd name="T63" fmla="*/ 2680 h 2903"/>
                <a:gd name="T64" fmla="*/ 2 w 2902"/>
                <a:gd name="T65" fmla="*/ 2828 h 2903"/>
                <a:gd name="T66" fmla="*/ 1741 w 2902"/>
                <a:gd name="T67" fmla="*/ 2903 h 2903"/>
                <a:gd name="T68" fmla="*/ 1743 w 2902"/>
                <a:gd name="T69" fmla="*/ 2843 h 2903"/>
                <a:gd name="T70" fmla="*/ 1754 w 2902"/>
                <a:gd name="T71" fmla="*/ 2725 h 2903"/>
                <a:gd name="T72" fmla="*/ 1778 w 2902"/>
                <a:gd name="T73" fmla="*/ 2614 h 2903"/>
                <a:gd name="T74" fmla="*/ 1813 w 2902"/>
                <a:gd name="T75" fmla="*/ 2504 h 2903"/>
                <a:gd name="T76" fmla="*/ 1857 w 2902"/>
                <a:gd name="T77" fmla="*/ 2399 h 2903"/>
                <a:gd name="T78" fmla="*/ 1910 w 2902"/>
                <a:gd name="T79" fmla="*/ 2300 h 2903"/>
                <a:gd name="T80" fmla="*/ 1972 w 2902"/>
                <a:gd name="T81" fmla="*/ 2209 h 2903"/>
                <a:gd name="T82" fmla="*/ 2043 w 2902"/>
                <a:gd name="T83" fmla="*/ 2123 h 2903"/>
                <a:gd name="T84" fmla="*/ 2122 w 2902"/>
                <a:gd name="T85" fmla="*/ 2044 h 2903"/>
                <a:gd name="T86" fmla="*/ 2208 w 2902"/>
                <a:gd name="T87" fmla="*/ 1973 h 2903"/>
                <a:gd name="T88" fmla="*/ 2300 w 2902"/>
                <a:gd name="T89" fmla="*/ 1910 h 2903"/>
                <a:gd name="T90" fmla="*/ 2399 w 2902"/>
                <a:gd name="T91" fmla="*/ 1855 h 2903"/>
                <a:gd name="T92" fmla="*/ 2503 w 2902"/>
                <a:gd name="T93" fmla="*/ 1811 h 2903"/>
                <a:gd name="T94" fmla="*/ 2613 w 2902"/>
                <a:gd name="T95" fmla="*/ 1778 h 2903"/>
                <a:gd name="T96" fmla="*/ 2726 w 2902"/>
                <a:gd name="T97" fmla="*/ 1755 h 2903"/>
                <a:gd name="T98" fmla="*/ 2844 w 2902"/>
                <a:gd name="T99" fmla="*/ 1744 h 2903"/>
                <a:gd name="T100" fmla="*/ 2902 w 2902"/>
                <a:gd name="T101" fmla="*/ 1742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2902" y="1742"/>
                  </a:moveTo>
                  <a:lnTo>
                    <a:pt x="2902" y="0"/>
                  </a:lnTo>
                  <a:lnTo>
                    <a:pt x="2902" y="0"/>
                  </a:lnTo>
                  <a:lnTo>
                    <a:pt x="2827" y="0"/>
                  </a:lnTo>
                  <a:lnTo>
                    <a:pt x="2754" y="4"/>
                  </a:lnTo>
                  <a:lnTo>
                    <a:pt x="2679" y="7"/>
                  </a:lnTo>
                  <a:lnTo>
                    <a:pt x="2606" y="15"/>
                  </a:lnTo>
                  <a:lnTo>
                    <a:pt x="2532" y="22"/>
                  </a:lnTo>
                  <a:lnTo>
                    <a:pt x="2461" y="33"/>
                  </a:lnTo>
                  <a:lnTo>
                    <a:pt x="2390" y="44"/>
                  </a:lnTo>
                  <a:lnTo>
                    <a:pt x="2318" y="59"/>
                  </a:lnTo>
                  <a:lnTo>
                    <a:pt x="2247" y="73"/>
                  </a:lnTo>
                  <a:lnTo>
                    <a:pt x="2177" y="92"/>
                  </a:lnTo>
                  <a:lnTo>
                    <a:pt x="2107" y="110"/>
                  </a:lnTo>
                  <a:lnTo>
                    <a:pt x="2040" y="130"/>
                  </a:lnTo>
                  <a:lnTo>
                    <a:pt x="1972" y="152"/>
                  </a:lnTo>
                  <a:lnTo>
                    <a:pt x="1904" y="176"/>
                  </a:lnTo>
                  <a:lnTo>
                    <a:pt x="1838" y="201"/>
                  </a:lnTo>
                  <a:lnTo>
                    <a:pt x="1772" y="227"/>
                  </a:lnTo>
                  <a:lnTo>
                    <a:pt x="1708" y="256"/>
                  </a:lnTo>
                  <a:lnTo>
                    <a:pt x="1644" y="286"/>
                  </a:lnTo>
                  <a:lnTo>
                    <a:pt x="1582" y="317"/>
                  </a:lnTo>
                  <a:lnTo>
                    <a:pt x="1520" y="350"/>
                  </a:lnTo>
                  <a:lnTo>
                    <a:pt x="1457" y="385"/>
                  </a:lnTo>
                  <a:lnTo>
                    <a:pt x="1397" y="419"/>
                  </a:lnTo>
                  <a:lnTo>
                    <a:pt x="1338" y="456"/>
                  </a:lnTo>
                  <a:lnTo>
                    <a:pt x="1280" y="495"/>
                  </a:lnTo>
                  <a:lnTo>
                    <a:pt x="1223" y="535"/>
                  </a:lnTo>
                  <a:lnTo>
                    <a:pt x="1166" y="577"/>
                  </a:lnTo>
                  <a:lnTo>
                    <a:pt x="1111" y="619"/>
                  </a:lnTo>
                  <a:lnTo>
                    <a:pt x="1056" y="663"/>
                  </a:lnTo>
                  <a:lnTo>
                    <a:pt x="1003" y="707"/>
                  </a:lnTo>
                  <a:lnTo>
                    <a:pt x="950" y="755"/>
                  </a:lnTo>
                  <a:lnTo>
                    <a:pt x="901" y="800"/>
                  </a:lnTo>
                  <a:lnTo>
                    <a:pt x="849" y="850"/>
                  </a:lnTo>
                  <a:lnTo>
                    <a:pt x="802" y="899"/>
                  </a:lnTo>
                  <a:lnTo>
                    <a:pt x="754" y="951"/>
                  </a:lnTo>
                  <a:lnTo>
                    <a:pt x="708" y="1004"/>
                  </a:lnTo>
                  <a:lnTo>
                    <a:pt x="663" y="1057"/>
                  </a:lnTo>
                  <a:lnTo>
                    <a:pt x="619" y="1110"/>
                  </a:lnTo>
                  <a:lnTo>
                    <a:pt x="577" y="1165"/>
                  </a:lnTo>
                  <a:lnTo>
                    <a:pt x="534" y="1222"/>
                  </a:lnTo>
                  <a:lnTo>
                    <a:pt x="496" y="1280"/>
                  </a:lnTo>
                  <a:lnTo>
                    <a:pt x="457" y="1339"/>
                  </a:lnTo>
                  <a:lnTo>
                    <a:pt x="421" y="1397"/>
                  </a:lnTo>
                  <a:lnTo>
                    <a:pt x="384" y="1458"/>
                  </a:lnTo>
                  <a:lnTo>
                    <a:pt x="349" y="1518"/>
                  </a:lnTo>
                  <a:lnTo>
                    <a:pt x="316" y="1581"/>
                  </a:lnTo>
                  <a:lnTo>
                    <a:pt x="285" y="1645"/>
                  </a:lnTo>
                  <a:lnTo>
                    <a:pt x="256" y="1709"/>
                  </a:lnTo>
                  <a:lnTo>
                    <a:pt x="229" y="1773"/>
                  </a:lnTo>
                  <a:lnTo>
                    <a:pt x="201" y="1839"/>
                  </a:lnTo>
                  <a:lnTo>
                    <a:pt x="175" y="1905"/>
                  </a:lnTo>
                  <a:lnTo>
                    <a:pt x="152" y="1973"/>
                  </a:lnTo>
                  <a:lnTo>
                    <a:pt x="130" y="2040"/>
                  </a:lnTo>
                  <a:lnTo>
                    <a:pt x="110" y="2108"/>
                  </a:lnTo>
                  <a:lnTo>
                    <a:pt x="91" y="2178"/>
                  </a:lnTo>
                  <a:lnTo>
                    <a:pt x="75" y="2247"/>
                  </a:lnTo>
                  <a:lnTo>
                    <a:pt x="58" y="2319"/>
                  </a:lnTo>
                  <a:lnTo>
                    <a:pt x="45" y="2388"/>
                  </a:lnTo>
                  <a:lnTo>
                    <a:pt x="33" y="2462"/>
                  </a:lnTo>
                  <a:lnTo>
                    <a:pt x="23" y="2533"/>
                  </a:lnTo>
                  <a:lnTo>
                    <a:pt x="14" y="2606"/>
                  </a:lnTo>
                  <a:lnTo>
                    <a:pt x="9" y="2680"/>
                  </a:lnTo>
                  <a:lnTo>
                    <a:pt x="3" y="2753"/>
                  </a:lnTo>
                  <a:lnTo>
                    <a:pt x="2" y="2828"/>
                  </a:lnTo>
                  <a:lnTo>
                    <a:pt x="0" y="2903"/>
                  </a:lnTo>
                  <a:lnTo>
                    <a:pt x="1741" y="2903"/>
                  </a:lnTo>
                  <a:lnTo>
                    <a:pt x="1741" y="2903"/>
                  </a:lnTo>
                  <a:lnTo>
                    <a:pt x="1743" y="2843"/>
                  </a:lnTo>
                  <a:lnTo>
                    <a:pt x="1747" y="2784"/>
                  </a:lnTo>
                  <a:lnTo>
                    <a:pt x="1754" y="2725"/>
                  </a:lnTo>
                  <a:lnTo>
                    <a:pt x="1765" y="2669"/>
                  </a:lnTo>
                  <a:lnTo>
                    <a:pt x="1778" y="2614"/>
                  </a:lnTo>
                  <a:lnTo>
                    <a:pt x="1794" y="2557"/>
                  </a:lnTo>
                  <a:lnTo>
                    <a:pt x="1813" y="2504"/>
                  </a:lnTo>
                  <a:lnTo>
                    <a:pt x="1833" y="2451"/>
                  </a:lnTo>
                  <a:lnTo>
                    <a:pt x="1857" y="2399"/>
                  </a:lnTo>
                  <a:lnTo>
                    <a:pt x="1882" y="2350"/>
                  </a:lnTo>
                  <a:lnTo>
                    <a:pt x="1910" y="2300"/>
                  </a:lnTo>
                  <a:lnTo>
                    <a:pt x="1939" y="2253"/>
                  </a:lnTo>
                  <a:lnTo>
                    <a:pt x="1972" y="2209"/>
                  </a:lnTo>
                  <a:lnTo>
                    <a:pt x="2007" y="2165"/>
                  </a:lnTo>
                  <a:lnTo>
                    <a:pt x="2043" y="2123"/>
                  </a:lnTo>
                  <a:lnTo>
                    <a:pt x="2082" y="2082"/>
                  </a:lnTo>
                  <a:lnTo>
                    <a:pt x="2122" y="2044"/>
                  </a:lnTo>
                  <a:lnTo>
                    <a:pt x="2164" y="2007"/>
                  </a:lnTo>
                  <a:lnTo>
                    <a:pt x="2208" y="1973"/>
                  </a:lnTo>
                  <a:lnTo>
                    <a:pt x="2254" y="1940"/>
                  </a:lnTo>
                  <a:lnTo>
                    <a:pt x="2300" y="1910"/>
                  </a:lnTo>
                  <a:lnTo>
                    <a:pt x="2349" y="1881"/>
                  </a:lnTo>
                  <a:lnTo>
                    <a:pt x="2399" y="1855"/>
                  </a:lnTo>
                  <a:lnTo>
                    <a:pt x="2450" y="1833"/>
                  </a:lnTo>
                  <a:lnTo>
                    <a:pt x="2503" y="1811"/>
                  </a:lnTo>
                  <a:lnTo>
                    <a:pt x="2558" y="1793"/>
                  </a:lnTo>
                  <a:lnTo>
                    <a:pt x="2613" y="1778"/>
                  </a:lnTo>
                  <a:lnTo>
                    <a:pt x="2670" y="1766"/>
                  </a:lnTo>
                  <a:lnTo>
                    <a:pt x="2726" y="1755"/>
                  </a:lnTo>
                  <a:lnTo>
                    <a:pt x="2783" y="1747"/>
                  </a:lnTo>
                  <a:lnTo>
                    <a:pt x="2844" y="1744"/>
                  </a:lnTo>
                  <a:lnTo>
                    <a:pt x="2902" y="1742"/>
                  </a:lnTo>
                  <a:lnTo>
                    <a:pt x="2902" y="1742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54" name="Freeform: Shape 17"/>
            <p:cNvSpPr/>
            <p:nvPr/>
          </p:nvSpPr>
          <p:spPr bwMode="auto">
            <a:xfrm>
              <a:off x="4996252" y="3744762"/>
              <a:ext cx="1575298" cy="1574212"/>
            </a:xfrm>
            <a:custGeom>
              <a:avLst/>
              <a:gdLst>
                <a:gd name="T0" fmla="*/ 0 w 2905"/>
                <a:gd name="T1" fmla="*/ 2903 h 2903"/>
                <a:gd name="T2" fmla="*/ 75 w 2905"/>
                <a:gd name="T3" fmla="*/ 2903 h 2903"/>
                <a:gd name="T4" fmla="*/ 224 w 2905"/>
                <a:gd name="T5" fmla="*/ 2896 h 2903"/>
                <a:gd name="T6" fmla="*/ 370 w 2905"/>
                <a:gd name="T7" fmla="*/ 2881 h 2903"/>
                <a:gd name="T8" fmla="*/ 515 w 2905"/>
                <a:gd name="T9" fmla="*/ 2859 h 2903"/>
                <a:gd name="T10" fmla="*/ 656 w 2905"/>
                <a:gd name="T11" fmla="*/ 2830 h 2903"/>
                <a:gd name="T12" fmla="*/ 795 w 2905"/>
                <a:gd name="T13" fmla="*/ 2793 h 2903"/>
                <a:gd name="T14" fmla="*/ 932 w 2905"/>
                <a:gd name="T15" fmla="*/ 2751 h 2903"/>
                <a:gd name="T16" fmla="*/ 1066 w 2905"/>
                <a:gd name="T17" fmla="*/ 2702 h 2903"/>
                <a:gd name="T18" fmla="*/ 1196 w 2905"/>
                <a:gd name="T19" fmla="*/ 2647 h 2903"/>
                <a:gd name="T20" fmla="*/ 1322 w 2905"/>
                <a:gd name="T21" fmla="*/ 2586 h 2903"/>
                <a:gd name="T22" fmla="*/ 1445 w 2905"/>
                <a:gd name="T23" fmla="*/ 2518 h 2903"/>
                <a:gd name="T24" fmla="*/ 1566 w 2905"/>
                <a:gd name="T25" fmla="*/ 2447 h 2903"/>
                <a:gd name="T26" fmla="*/ 1681 w 2905"/>
                <a:gd name="T27" fmla="*/ 2368 h 2903"/>
                <a:gd name="T28" fmla="*/ 1793 w 2905"/>
                <a:gd name="T29" fmla="*/ 2284 h 2903"/>
                <a:gd name="T30" fmla="*/ 1901 w 2905"/>
                <a:gd name="T31" fmla="*/ 2196 h 2903"/>
                <a:gd name="T32" fmla="*/ 2004 w 2905"/>
                <a:gd name="T33" fmla="*/ 2103 h 2903"/>
                <a:gd name="T34" fmla="*/ 2103 w 2905"/>
                <a:gd name="T35" fmla="*/ 2004 h 2903"/>
                <a:gd name="T36" fmla="*/ 2196 w 2905"/>
                <a:gd name="T37" fmla="*/ 1899 h 2903"/>
                <a:gd name="T38" fmla="*/ 2284 w 2905"/>
                <a:gd name="T39" fmla="*/ 1793 h 2903"/>
                <a:gd name="T40" fmla="*/ 2368 w 2905"/>
                <a:gd name="T41" fmla="*/ 1681 h 2903"/>
                <a:gd name="T42" fmla="*/ 2447 w 2905"/>
                <a:gd name="T43" fmla="*/ 1564 h 2903"/>
                <a:gd name="T44" fmla="*/ 2520 w 2905"/>
                <a:gd name="T45" fmla="*/ 1445 h 2903"/>
                <a:gd name="T46" fmla="*/ 2586 w 2905"/>
                <a:gd name="T47" fmla="*/ 1322 h 2903"/>
                <a:gd name="T48" fmla="*/ 2648 w 2905"/>
                <a:gd name="T49" fmla="*/ 1194 h 2903"/>
                <a:gd name="T50" fmla="*/ 2703 w 2905"/>
                <a:gd name="T51" fmla="*/ 1064 h 2903"/>
                <a:gd name="T52" fmla="*/ 2751 w 2905"/>
                <a:gd name="T53" fmla="*/ 930 h 2903"/>
                <a:gd name="T54" fmla="*/ 2793 w 2905"/>
                <a:gd name="T55" fmla="*/ 795 h 2903"/>
                <a:gd name="T56" fmla="*/ 2830 w 2905"/>
                <a:gd name="T57" fmla="*/ 656 h 2903"/>
                <a:gd name="T58" fmla="*/ 2859 w 2905"/>
                <a:gd name="T59" fmla="*/ 515 h 2903"/>
                <a:gd name="T60" fmla="*/ 2881 w 2905"/>
                <a:gd name="T61" fmla="*/ 370 h 2903"/>
                <a:gd name="T62" fmla="*/ 2896 w 2905"/>
                <a:gd name="T63" fmla="*/ 223 h 2903"/>
                <a:gd name="T64" fmla="*/ 2903 w 2905"/>
                <a:gd name="T65" fmla="*/ 75 h 2903"/>
                <a:gd name="T66" fmla="*/ 1161 w 2905"/>
                <a:gd name="T67" fmla="*/ 0 h 2903"/>
                <a:gd name="T68" fmla="*/ 1161 w 2905"/>
                <a:gd name="T69" fmla="*/ 60 h 2903"/>
                <a:gd name="T70" fmla="*/ 1148 w 2905"/>
                <a:gd name="T71" fmla="*/ 178 h 2903"/>
                <a:gd name="T72" fmla="*/ 1125 w 2905"/>
                <a:gd name="T73" fmla="*/ 289 h 2903"/>
                <a:gd name="T74" fmla="*/ 1092 w 2905"/>
                <a:gd name="T75" fmla="*/ 399 h 2903"/>
                <a:gd name="T76" fmla="*/ 1048 w 2905"/>
                <a:gd name="T77" fmla="*/ 504 h 2903"/>
                <a:gd name="T78" fmla="*/ 995 w 2905"/>
                <a:gd name="T79" fmla="*/ 603 h 2903"/>
                <a:gd name="T80" fmla="*/ 931 w 2905"/>
                <a:gd name="T81" fmla="*/ 694 h 2903"/>
                <a:gd name="T82" fmla="*/ 861 w 2905"/>
                <a:gd name="T83" fmla="*/ 780 h 2903"/>
                <a:gd name="T84" fmla="*/ 782 w 2905"/>
                <a:gd name="T85" fmla="*/ 859 h 2903"/>
                <a:gd name="T86" fmla="*/ 696 w 2905"/>
                <a:gd name="T87" fmla="*/ 930 h 2903"/>
                <a:gd name="T88" fmla="*/ 603 w 2905"/>
                <a:gd name="T89" fmla="*/ 993 h 2903"/>
                <a:gd name="T90" fmla="*/ 504 w 2905"/>
                <a:gd name="T91" fmla="*/ 1048 h 2903"/>
                <a:gd name="T92" fmla="*/ 399 w 2905"/>
                <a:gd name="T93" fmla="*/ 1092 h 2903"/>
                <a:gd name="T94" fmla="*/ 291 w 2905"/>
                <a:gd name="T95" fmla="*/ 1125 h 2903"/>
                <a:gd name="T96" fmla="*/ 178 w 2905"/>
                <a:gd name="T97" fmla="*/ 1148 h 2903"/>
                <a:gd name="T98" fmla="*/ 61 w 2905"/>
                <a:gd name="T99" fmla="*/ 1159 h 2903"/>
                <a:gd name="T100" fmla="*/ 0 w 2905"/>
                <a:gd name="T101" fmla="*/ 1161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0" y="1161"/>
                  </a:moveTo>
                  <a:lnTo>
                    <a:pt x="0" y="2903"/>
                  </a:lnTo>
                  <a:lnTo>
                    <a:pt x="0" y="2903"/>
                  </a:lnTo>
                  <a:lnTo>
                    <a:pt x="75" y="2903"/>
                  </a:lnTo>
                  <a:lnTo>
                    <a:pt x="150" y="2899"/>
                  </a:lnTo>
                  <a:lnTo>
                    <a:pt x="224" y="2896"/>
                  </a:lnTo>
                  <a:lnTo>
                    <a:pt x="297" y="2888"/>
                  </a:lnTo>
                  <a:lnTo>
                    <a:pt x="370" y="2881"/>
                  </a:lnTo>
                  <a:lnTo>
                    <a:pt x="443" y="2870"/>
                  </a:lnTo>
                  <a:lnTo>
                    <a:pt x="515" y="2859"/>
                  </a:lnTo>
                  <a:lnTo>
                    <a:pt x="586" y="2844"/>
                  </a:lnTo>
                  <a:lnTo>
                    <a:pt x="656" y="2830"/>
                  </a:lnTo>
                  <a:lnTo>
                    <a:pt x="725" y="2811"/>
                  </a:lnTo>
                  <a:lnTo>
                    <a:pt x="795" y="2793"/>
                  </a:lnTo>
                  <a:lnTo>
                    <a:pt x="865" y="2773"/>
                  </a:lnTo>
                  <a:lnTo>
                    <a:pt x="932" y="2751"/>
                  </a:lnTo>
                  <a:lnTo>
                    <a:pt x="998" y="2727"/>
                  </a:lnTo>
                  <a:lnTo>
                    <a:pt x="1066" y="2702"/>
                  </a:lnTo>
                  <a:lnTo>
                    <a:pt x="1130" y="2676"/>
                  </a:lnTo>
                  <a:lnTo>
                    <a:pt x="1196" y="2647"/>
                  </a:lnTo>
                  <a:lnTo>
                    <a:pt x="1260" y="2617"/>
                  </a:lnTo>
                  <a:lnTo>
                    <a:pt x="1322" y="2586"/>
                  </a:lnTo>
                  <a:lnTo>
                    <a:pt x="1385" y="2553"/>
                  </a:lnTo>
                  <a:lnTo>
                    <a:pt x="1445" y="2518"/>
                  </a:lnTo>
                  <a:lnTo>
                    <a:pt x="1506" y="2484"/>
                  </a:lnTo>
                  <a:lnTo>
                    <a:pt x="1566" y="2447"/>
                  </a:lnTo>
                  <a:lnTo>
                    <a:pt x="1625" y="2408"/>
                  </a:lnTo>
                  <a:lnTo>
                    <a:pt x="1681" y="2368"/>
                  </a:lnTo>
                  <a:lnTo>
                    <a:pt x="1738" y="2326"/>
                  </a:lnTo>
                  <a:lnTo>
                    <a:pt x="1793" y="2284"/>
                  </a:lnTo>
                  <a:lnTo>
                    <a:pt x="1848" y="2240"/>
                  </a:lnTo>
                  <a:lnTo>
                    <a:pt x="1901" y="2196"/>
                  </a:lnTo>
                  <a:lnTo>
                    <a:pt x="1952" y="2148"/>
                  </a:lnTo>
                  <a:lnTo>
                    <a:pt x="2004" y="2103"/>
                  </a:lnTo>
                  <a:lnTo>
                    <a:pt x="2053" y="2053"/>
                  </a:lnTo>
                  <a:lnTo>
                    <a:pt x="2103" y="2004"/>
                  </a:lnTo>
                  <a:lnTo>
                    <a:pt x="2150" y="1952"/>
                  </a:lnTo>
                  <a:lnTo>
                    <a:pt x="2196" y="1899"/>
                  </a:lnTo>
                  <a:lnTo>
                    <a:pt x="2242" y="1846"/>
                  </a:lnTo>
                  <a:lnTo>
                    <a:pt x="2284" y="1793"/>
                  </a:lnTo>
                  <a:lnTo>
                    <a:pt x="2328" y="1738"/>
                  </a:lnTo>
                  <a:lnTo>
                    <a:pt x="2368" y="1681"/>
                  </a:lnTo>
                  <a:lnTo>
                    <a:pt x="2408" y="1623"/>
                  </a:lnTo>
                  <a:lnTo>
                    <a:pt x="2447" y="1564"/>
                  </a:lnTo>
                  <a:lnTo>
                    <a:pt x="2483" y="1506"/>
                  </a:lnTo>
                  <a:lnTo>
                    <a:pt x="2520" y="1445"/>
                  </a:lnTo>
                  <a:lnTo>
                    <a:pt x="2553" y="1385"/>
                  </a:lnTo>
                  <a:lnTo>
                    <a:pt x="2586" y="1322"/>
                  </a:lnTo>
                  <a:lnTo>
                    <a:pt x="2617" y="1258"/>
                  </a:lnTo>
                  <a:lnTo>
                    <a:pt x="2648" y="1194"/>
                  </a:lnTo>
                  <a:lnTo>
                    <a:pt x="2676" y="1130"/>
                  </a:lnTo>
                  <a:lnTo>
                    <a:pt x="2703" y="1064"/>
                  </a:lnTo>
                  <a:lnTo>
                    <a:pt x="2727" y="998"/>
                  </a:lnTo>
                  <a:lnTo>
                    <a:pt x="2751" y="930"/>
                  </a:lnTo>
                  <a:lnTo>
                    <a:pt x="2773" y="863"/>
                  </a:lnTo>
                  <a:lnTo>
                    <a:pt x="2793" y="795"/>
                  </a:lnTo>
                  <a:lnTo>
                    <a:pt x="2813" y="725"/>
                  </a:lnTo>
                  <a:lnTo>
                    <a:pt x="2830" y="656"/>
                  </a:lnTo>
                  <a:lnTo>
                    <a:pt x="2844" y="584"/>
                  </a:lnTo>
                  <a:lnTo>
                    <a:pt x="2859" y="515"/>
                  </a:lnTo>
                  <a:lnTo>
                    <a:pt x="2870" y="441"/>
                  </a:lnTo>
                  <a:lnTo>
                    <a:pt x="2881" y="370"/>
                  </a:lnTo>
                  <a:lnTo>
                    <a:pt x="2888" y="297"/>
                  </a:lnTo>
                  <a:lnTo>
                    <a:pt x="2896" y="223"/>
                  </a:lnTo>
                  <a:lnTo>
                    <a:pt x="2901" y="150"/>
                  </a:lnTo>
                  <a:lnTo>
                    <a:pt x="2903" y="75"/>
                  </a:lnTo>
                  <a:lnTo>
                    <a:pt x="2905" y="0"/>
                  </a:lnTo>
                  <a:lnTo>
                    <a:pt x="1161" y="0"/>
                  </a:lnTo>
                  <a:lnTo>
                    <a:pt x="1161" y="0"/>
                  </a:lnTo>
                  <a:lnTo>
                    <a:pt x="1161" y="60"/>
                  </a:lnTo>
                  <a:lnTo>
                    <a:pt x="1156" y="119"/>
                  </a:lnTo>
                  <a:lnTo>
                    <a:pt x="1148" y="178"/>
                  </a:lnTo>
                  <a:lnTo>
                    <a:pt x="1139" y="234"/>
                  </a:lnTo>
                  <a:lnTo>
                    <a:pt x="1125" y="289"/>
                  </a:lnTo>
                  <a:lnTo>
                    <a:pt x="1110" y="346"/>
                  </a:lnTo>
                  <a:lnTo>
                    <a:pt x="1092" y="399"/>
                  </a:lnTo>
                  <a:lnTo>
                    <a:pt x="1072" y="452"/>
                  </a:lnTo>
                  <a:lnTo>
                    <a:pt x="1048" y="504"/>
                  </a:lnTo>
                  <a:lnTo>
                    <a:pt x="1022" y="553"/>
                  </a:lnTo>
                  <a:lnTo>
                    <a:pt x="995" y="603"/>
                  </a:lnTo>
                  <a:lnTo>
                    <a:pt x="964" y="650"/>
                  </a:lnTo>
                  <a:lnTo>
                    <a:pt x="931" y="694"/>
                  </a:lnTo>
                  <a:lnTo>
                    <a:pt x="898" y="738"/>
                  </a:lnTo>
                  <a:lnTo>
                    <a:pt x="861" y="780"/>
                  </a:lnTo>
                  <a:lnTo>
                    <a:pt x="823" y="821"/>
                  </a:lnTo>
                  <a:lnTo>
                    <a:pt x="782" y="859"/>
                  </a:lnTo>
                  <a:lnTo>
                    <a:pt x="740" y="896"/>
                  </a:lnTo>
                  <a:lnTo>
                    <a:pt x="696" y="930"/>
                  </a:lnTo>
                  <a:lnTo>
                    <a:pt x="650" y="963"/>
                  </a:lnTo>
                  <a:lnTo>
                    <a:pt x="603" y="993"/>
                  </a:lnTo>
                  <a:lnTo>
                    <a:pt x="555" y="1022"/>
                  </a:lnTo>
                  <a:lnTo>
                    <a:pt x="504" y="1048"/>
                  </a:lnTo>
                  <a:lnTo>
                    <a:pt x="453" y="1070"/>
                  </a:lnTo>
                  <a:lnTo>
                    <a:pt x="399" y="1092"/>
                  </a:lnTo>
                  <a:lnTo>
                    <a:pt x="346" y="1110"/>
                  </a:lnTo>
                  <a:lnTo>
                    <a:pt x="291" y="1125"/>
                  </a:lnTo>
                  <a:lnTo>
                    <a:pt x="235" y="1137"/>
                  </a:lnTo>
                  <a:lnTo>
                    <a:pt x="178" y="1148"/>
                  </a:lnTo>
                  <a:lnTo>
                    <a:pt x="119" y="1156"/>
                  </a:lnTo>
                  <a:lnTo>
                    <a:pt x="61" y="1159"/>
                  </a:lnTo>
                  <a:lnTo>
                    <a:pt x="0" y="1161"/>
                  </a:lnTo>
                  <a:lnTo>
                    <a:pt x="0" y="1161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55" name="Freeform: Shape 18"/>
            <p:cNvSpPr/>
            <p:nvPr/>
          </p:nvSpPr>
          <p:spPr bwMode="auto">
            <a:xfrm>
              <a:off x="3420954" y="3744762"/>
              <a:ext cx="1575298" cy="1574212"/>
            </a:xfrm>
            <a:custGeom>
              <a:avLst/>
              <a:gdLst>
                <a:gd name="T0" fmla="*/ 0 w 2902"/>
                <a:gd name="T1" fmla="*/ 0 h 2903"/>
                <a:gd name="T2" fmla="*/ 2 w 2902"/>
                <a:gd name="T3" fmla="*/ 75 h 2903"/>
                <a:gd name="T4" fmla="*/ 9 w 2902"/>
                <a:gd name="T5" fmla="*/ 223 h 2903"/>
                <a:gd name="T6" fmla="*/ 23 w 2902"/>
                <a:gd name="T7" fmla="*/ 370 h 2903"/>
                <a:gd name="T8" fmla="*/ 45 w 2902"/>
                <a:gd name="T9" fmla="*/ 515 h 2903"/>
                <a:gd name="T10" fmla="*/ 75 w 2902"/>
                <a:gd name="T11" fmla="*/ 656 h 2903"/>
                <a:gd name="T12" fmla="*/ 110 w 2902"/>
                <a:gd name="T13" fmla="*/ 795 h 2903"/>
                <a:gd name="T14" fmla="*/ 152 w 2902"/>
                <a:gd name="T15" fmla="*/ 930 h 2903"/>
                <a:gd name="T16" fmla="*/ 201 w 2902"/>
                <a:gd name="T17" fmla="*/ 1064 h 2903"/>
                <a:gd name="T18" fmla="*/ 256 w 2902"/>
                <a:gd name="T19" fmla="*/ 1194 h 2903"/>
                <a:gd name="T20" fmla="*/ 316 w 2902"/>
                <a:gd name="T21" fmla="*/ 1322 h 2903"/>
                <a:gd name="T22" fmla="*/ 384 w 2902"/>
                <a:gd name="T23" fmla="*/ 1445 h 2903"/>
                <a:gd name="T24" fmla="*/ 457 w 2902"/>
                <a:gd name="T25" fmla="*/ 1564 h 2903"/>
                <a:gd name="T26" fmla="*/ 534 w 2902"/>
                <a:gd name="T27" fmla="*/ 1681 h 2903"/>
                <a:gd name="T28" fmla="*/ 619 w 2902"/>
                <a:gd name="T29" fmla="*/ 1793 h 2903"/>
                <a:gd name="T30" fmla="*/ 708 w 2902"/>
                <a:gd name="T31" fmla="*/ 1899 h 2903"/>
                <a:gd name="T32" fmla="*/ 802 w 2902"/>
                <a:gd name="T33" fmla="*/ 2004 h 2903"/>
                <a:gd name="T34" fmla="*/ 901 w 2902"/>
                <a:gd name="T35" fmla="*/ 2103 h 2903"/>
                <a:gd name="T36" fmla="*/ 1003 w 2902"/>
                <a:gd name="T37" fmla="*/ 2196 h 2903"/>
                <a:gd name="T38" fmla="*/ 1111 w 2902"/>
                <a:gd name="T39" fmla="*/ 2284 h 2903"/>
                <a:gd name="T40" fmla="*/ 1223 w 2902"/>
                <a:gd name="T41" fmla="*/ 2368 h 2903"/>
                <a:gd name="T42" fmla="*/ 1338 w 2902"/>
                <a:gd name="T43" fmla="*/ 2447 h 2903"/>
                <a:gd name="T44" fmla="*/ 1457 w 2902"/>
                <a:gd name="T45" fmla="*/ 2518 h 2903"/>
                <a:gd name="T46" fmla="*/ 1582 w 2902"/>
                <a:gd name="T47" fmla="*/ 2586 h 2903"/>
                <a:gd name="T48" fmla="*/ 1708 w 2902"/>
                <a:gd name="T49" fmla="*/ 2647 h 2903"/>
                <a:gd name="T50" fmla="*/ 1838 w 2902"/>
                <a:gd name="T51" fmla="*/ 2702 h 2903"/>
                <a:gd name="T52" fmla="*/ 1972 w 2902"/>
                <a:gd name="T53" fmla="*/ 2751 h 2903"/>
                <a:gd name="T54" fmla="*/ 2107 w 2902"/>
                <a:gd name="T55" fmla="*/ 2793 h 2903"/>
                <a:gd name="T56" fmla="*/ 2247 w 2902"/>
                <a:gd name="T57" fmla="*/ 2830 h 2903"/>
                <a:gd name="T58" fmla="*/ 2390 w 2902"/>
                <a:gd name="T59" fmla="*/ 2859 h 2903"/>
                <a:gd name="T60" fmla="*/ 2532 w 2902"/>
                <a:gd name="T61" fmla="*/ 2881 h 2903"/>
                <a:gd name="T62" fmla="*/ 2679 w 2902"/>
                <a:gd name="T63" fmla="*/ 2896 h 2903"/>
                <a:gd name="T64" fmla="*/ 2827 w 2902"/>
                <a:gd name="T65" fmla="*/ 2903 h 2903"/>
                <a:gd name="T66" fmla="*/ 2902 w 2902"/>
                <a:gd name="T67" fmla="*/ 1161 h 2903"/>
                <a:gd name="T68" fmla="*/ 2844 w 2902"/>
                <a:gd name="T69" fmla="*/ 1159 h 2903"/>
                <a:gd name="T70" fmla="*/ 2726 w 2902"/>
                <a:gd name="T71" fmla="*/ 1148 h 2903"/>
                <a:gd name="T72" fmla="*/ 2613 w 2902"/>
                <a:gd name="T73" fmla="*/ 1125 h 2903"/>
                <a:gd name="T74" fmla="*/ 2503 w 2902"/>
                <a:gd name="T75" fmla="*/ 1092 h 2903"/>
                <a:gd name="T76" fmla="*/ 2399 w 2902"/>
                <a:gd name="T77" fmla="*/ 1048 h 2903"/>
                <a:gd name="T78" fmla="*/ 2300 w 2902"/>
                <a:gd name="T79" fmla="*/ 993 h 2903"/>
                <a:gd name="T80" fmla="*/ 2208 w 2902"/>
                <a:gd name="T81" fmla="*/ 930 h 2903"/>
                <a:gd name="T82" fmla="*/ 2122 w 2902"/>
                <a:gd name="T83" fmla="*/ 859 h 2903"/>
                <a:gd name="T84" fmla="*/ 2043 w 2902"/>
                <a:gd name="T85" fmla="*/ 780 h 2903"/>
                <a:gd name="T86" fmla="*/ 1972 w 2902"/>
                <a:gd name="T87" fmla="*/ 694 h 2903"/>
                <a:gd name="T88" fmla="*/ 1910 w 2902"/>
                <a:gd name="T89" fmla="*/ 603 h 2903"/>
                <a:gd name="T90" fmla="*/ 1857 w 2902"/>
                <a:gd name="T91" fmla="*/ 504 h 2903"/>
                <a:gd name="T92" fmla="*/ 1813 w 2902"/>
                <a:gd name="T93" fmla="*/ 399 h 2903"/>
                <a:gd name="T94" fmla="*/ 1778 w 2902"/>
                <a:gd name="T95" fmla="*/ 289 h 2903"/>
                <a:gd name="T96" fmla="*/ 1754 w 2902"/>
                <a:gd name="T97" fmla="*/ 178 h 2903"/>
                <a:gd name="T98" fmla="*/ 1743 w 2902"/>
                <a:gd name="T99" fmla="*/ 60 h 2903"/>
                <a:gd name="T100" fmla="*/ 1741 w 2902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1741" y="0"/>
                  </a:moveTo>
                  <a:lnTo>
                    <a:pt x="0" y="0"/>
                  </a:lnTo>
                  <a:lnTo>
                    <a:pt x="0" y="0"/>
                  </a:lnTo>
                  <a:lnTo>
                    <a:pt x="2" y="75"/>
                  </a:lnTo>
                  <a:lnTo>
                    <a:pt x="3" y="150"/>
                  </a:lnTo>
                  <a:lnTo>
                    <a:pt x="9" y="223"/>
                  </a:lnTo>
                  <a:lnTo>
                    <a:pt x="14" y="297"/>
                  </a:lnTo>
                  <a:lnTo>
                    <a:pt x="23" y="370"/>
                  </a:lnTo>
                  <a:lnTo>
                    <a:pt x="33" y="441"/>
                  </a:lnTo>
                  <a:lnTo>
                    <a:pt x="45" y="515"/>
                  </a:lnTo>
                  <a:lnTo>
                    <a:pt x="58" y="584"/>
                  </a:lnTo>
                  <a:lnTo>
                    <a:pt x="75" y="656"/>
                  </a:lnTo>
                  <a:lnTo>
                    <a:pt x="91" y="725"/>
                  </a:lnTo>
                  <a:lnTo>
                    <a:pt x="110" y="795"/>
                  </a:lnTo>
                  <a:lnTo>
                    <a:pt x="130" y="863"/>
                  </a:lnTo>
                  <a:lnTo>
                    <a:pt x="152" y="930"/>
                  </a:lnTo>
                  <a:lnTo>
                    <a:pt x="175" y="998"/>
                  </a:lnTo>
                  <a:lnTo>
                    <a:pt x="201" y="1064"/>
                  </a:lnTo>
                  <a:lnTo>
                    <a:pt x="229" y="1130"/>
                  </a:lnTo>
                  <a:lnTo>
                    <a:pt x="256" y="1194"/>
                  </a:lnTo>
                  <a:lnTo>
                    <a:pt x="285" y="1258"/>
                  </a:lnTo>
                  <a:lnTo>
                    <a:pt x="316" y="1322"/>
                  </a:lnTo>
                  <a:lnTo>
                    <a:pt x="349" y="1385"/>
                  </a:lnTo>
                  <a:lnTo>
                    <a:pt x="384" y="1445"/>
                  </a:lnTo>
                  <a:lnTo>
                    <a:pt x="421" y="1506"/>
                  </a:lnTo>
                  <a:lnTo>
                    <a:pt x="457" y="1564"/>
                  </a:lnTo>
                  <a:lnTo>
                    <a:pt x="496" y="1623"/>
                  </a:lnTo>
                  <a:lnTo>
                    <a:pt x="534" y="1681"/>
                  </a:lnTo>
                  <a:lnTo>
                    <a:pt x="577" y="1738"/>
                  </a:lnTo>
                  <a:lnTo>
                    <a:pt x="619" y="1793"/>
                  </a:lnTo>
                  <a:lnTo>
                    <a:pt x="663" y="1846"/>
                  </a:lnTo>
                  <a:lnTo>
                    <a:pt x="708" y="1899"/>
                  </a:lnTo>
                  <a:lnTo>
                    <a:pt x="754" y="1952"/>
                  </a:lnTo>
                  <a:lnTo>
                    <a:pt x="802" y="2004"/>
                  </a:lnTo>
                  <a:lnTo>
                    <a:pt x="849" y="2053"/>
                  </a:lnTo>
                  <a:lnTo>
                    <a:pt x="901" y="2103"/>
                  </a:lnTo>
                  <a:lnTo>
                    <a:pt x="950" y="2148"/>
                  </a:lnTo>
                  <a:lnTo>
                    <a:pt x="1003" y="2196"/>
                  </a:lnTo>
                  <a:lnTo>
                    <a:pt x="1056" y="2240"/>
                  </a:lnTo>
                  <a:lnTo>
                    <a:pt x="1111" y="2284"/>
                  </a:lnTo>
                  <a:lnTo>
                    <a:pt x="1166" y="2326"/>
                  </a:lnTo>
                  <a:lnTo>
                    <a:pt x="1223" y="2368"/>
                  </a:lnTo>
                  <a:lnTo>
                    <a:pt x="1280" y="2408"/>
                  </a:lnTo>
                  <a:lnTo>
                    <a:pt x="1338" y="2447"/>
                  </a:lnTo>
                  <a:lnTo>
                    <a:pt x="1397" y="2484"/>
                  </a:lnTo>
                  <a:lnTo>
                    <a:pt x="1457" y="2518"/>
                  </a:lnTo>
                  <a:lnTo>
                    <a:pt x="1520" y="2553"/>
                  </a:lnTo>
                  <a:lnTo>
                    <a:pt x="1582" y="2586"/>
                  </a:lnTo>
                  <a:lnTo>
                    <a:pt x="1644" y="2617"/>
                  </a:lnTo>
                  <a:lnTo>
                    <a:pt x="1708" y="2647"/>
                  </a:lnTo>
                  <a:lnTo>
                    <a:pt x="1772" y="2676"/>
                  </a:lnTo>
                  <a:lnTo>
                    <a:pt x="1838" y="2702"/>
                  </a:lnTo>
                  <a:lnTo>
                    <a:pt x="1904" y="2727"/>
                  </a:lnTo>
                  <a:lnTo>
                    <a:pt x="1972" y="2751"/>
                  </a:lnTo>
                  <a:lnTo>
                    <a:pt x="2040" y="2773"/>
                  </a:lnTo>
                  <a:lnTo>
                    <a:pt x="2107" y="2793"/>
                  </a:lnTo>
                  <a:lnTo>
                    <a:pt x="2177" y="2811"/>
                  </a:lnTo>
                  <a:lnTo>
                    <a:pt x="2247" y="2830"/>
                  </a:lnTo>
                  <a:lnTo>
                    <a:pt x="2318" y="2844"/>
                  </a:lnTo>
                  <a:lnTo>
                    <a:pt x="2390" y="2859"/>
                  </a:lnTo>
                  <a:lnTo>
                    <a:pt x="2461" y="2870"/>
                  </a:lnTo>
                  <a:lnTo>
                    <a:pt x="2532" y="2881"/>
                  </a:lnTo>
                  <a:lnTo>
                    <a:pt x="2606" y="2888"/>
                  </a:lnTo>
                  <a:lnTo>
                    <a:pt x="2679" y="2896"/>
                  </a:lnTo>
                  <a:lnTo>
                    <a:pt x="2754" y="2899"/>
                  </a:lnTo>
                  <a:lnTo>
                    <a:pt x="2827" y="2903"/>
                  </a:lnTo>
                  <a:lnTo>
                    <a:pt x="2902" y="2903"/>
                  </a:lnTo>
                  <a:lnTo>
                    <a:pt x="2902" y="1161"/>
                  </a:lnTo>
                  <a:lnTo>
                    <a:pt x="2902" y="1161"/>
                  </a:lnTo>
                  <a:lnTo>
                    <a:pt x="2844" y="1159"/>
                  </a:lnTo>
                  <a:lnTo>
                    <a:pt x="2783" y="1156"/>
                  </a:lnTo>
                  <a:lnTo>
                    <a:pt x="2726" y="1148"/>
                  </a:lnTo>
                  <a:lnTo>
                    <a:pt x="2670" y="1137"/>
                  </a:lnTo>
                  <a:lnTo>
                    <a:pt x="2613" y="1125"/>
                  </a:lnTo>
                  <a:lnTo>
                    <a:pt x="2558" y="1110"/>
                  </a:lnTo>
                  <a:lnTo>
                    <a:pt x="2503" y="1092"/>
                  </a:lnTo>
                  <a:lnTo>
                    <a:pt x="2450" y="1070"/>
                  </a:lnTo>
                  <a:lnTo>
                    <a:pt x="2399" y="1048"/>
                  </a:lnTo>
                  <a:lnTo>
                    <a:pt x="2349" y="1022"/>
                  </a:lnTo>
                  <a:lnTo>
                    <a:pt x="2300" y="993"/>
                  </a:lnTo>
                  <a:lnTo>
                    <a:pt x="2254" y="963"/>
                  </a:lnTo>
                  <a:lnTo>
                    <a:pt x="2208" y="930"/>
                  </a:lnTo>
                  <a:lnTo>
                    <a:pt x="2164" y="896"/>
                  </a:lnTo>
                  <a:lnTo>
                    <a:pt x="2122" y="859"/>
                  </a:lnTo>
                  <a:lnTo>
                    <a:pt x="2082" y="821"/>
                  </a:lnTo>
                  <a:lnTo>
                    <a:pt x="2043" y="780"/>
                  </a:lnTo>
                  <a:lnTo>
                    <a:pt x="2007" y="738"/>
                  </a:lnTo>
                  <a:lnTo>
                    <a:pt x="1972" y="694"/>
                  </a:lnTo>
                  <a:lnTo>
                    <a:pt x="1939" y="650"/>
                  </a:lnTo>
                  <a:lnTo>
                    <a:pt x="1910" y="603"/>
                  </a:lnTo>
                  <a:lnTo>
                    <a:pt x="1882" y="553"/>
                  </a:lnTo>
                  <a:lnTo>
                    <a:pt x="1857" y="504"/>
                  </a:lnTo>
                  <a:lnTo>
                    <a:pt x="1833" y="452"/>
                  </a:lnTo>
                  <a:lnTo>
                    <a:pt x="1813" y="399"/>
                  </a:lnTo>
                  <a:lnTo>
                    <a:pt x="1794" y="346"/>
                  </a:lnTo>
                  <a:lnTo>
                    <a:pt x="1778" y="289"/>
                  </a:lnTo>
                  <a:lnTo>
                    <a:pt x="1765" y="234"/>
                  </a:lnTo>
                  <a:lnTo>
                    <a:pt x="1754" y="178"/>
                  </a:lnTo>
                  <a:lnTo>
                    <a:pt x="1747" y="119"/>
                  </a:lnTo>
                  <a:lnTo>
                    <a:pt x="1743" y="60"/>
                  </a:lnTo>
                  <a:lnTo>
                    <a:pt x="1741" y="0"/>
                  </a:lnTo>
                  <a:lnTo>
                    <a:pt x="1741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56" name="Freeform: Shape 19"/>
            <p:cNvSpPr/>
            <p:nvPr/>
          </p:nvSpPr>
          <p:spPr bwMode="auto">
            <a:xfrm>
              <a:off x="5625502" y="3744762"/>
              <a:ext cx="1575298" cy="1574212"/>
            </a:xfrm>
            <a:custGeom>
              <a:avLst/>
              <a:gdLst>
                <a:gd name="T0" fmla="*/ 0 w 2905"/>
                <a:gd name="T1" fmla="*/ 0 h 2903"/>
                <a:gd name="T2" fmla="*/ 2 w 2905"/>
                <a:gd name="T3" fmla="*/ 75 h 2903"/>
                <a:gd name="T4" fmla="*/ 9 w 2905"/>
                <a:gd name="T5" fmla="*/ 223 h 2903"/>
                <a:gd name="T6" fmla="*/ 24 w 2905"/>
                <a:gd name="T7" fmla="*/ 370 h 2903"/>
                <a:gd name="T8" fmla="*/ 46 w 2905"/>
                <a:gd name="T9" fmla="*/ 515 h 2903"/>
                <a:gd name="T10" fmla="*/ 75 w 2905"/>
                <a:gd name="T11" fmla="*/ 656 h 2903"/>
                <a:gd name="T12" fmla="*/ 112 w 2905"/>
                <a:gd name="T13" fmla="*/ 795 h 2903"/>
                <a:gd name="T14" fmla="*/ 154 w 2905"/>
                <a:gd name="T15" fmla="*/ 930 h 2903"/>
                <a:gd name="T16" fmla="*/ 202 w 2905"/>
                <a:gd name="T17" fmla="*/ 1064 h 2903"/>
                <a:gd name="T18" fmla="*/ 257 w 2905"/>
                <a:gd name="T19" fmla="*/ 1194 h 2903"/>
                <a:gd name="T20" fmla="*/ 319 w 2905"/>
                <a:gd name="T21" fmla="*/ 1322 h 2903"/>
                <a:gd name="T22" fmla="*/ 385 w 2905"/>
                <a:gd name="T23" fmla="*/ 1445 h 2903"/>
                <a:gd name="T24" fmla="*/ 458 w 2905"/>
                <a:gd name="T25" fmla="*/ 1564 h 2903"/>
                <a:gd name="T26" fmla="*/ 537 w 2905"/>
                <a:gd name="T27" fmla="*/ 1681 h 2903"/>
                <a:gd name="T28" fmla="*/ 621 w 2905"/>
                <a:gd name="T29" fmla="*/ 1793 h 2903"/>
                <a:gd name="T30" fmla="*/ 709 w 2905"/>
                <a:gd name="T31" fmla="*/ 1899 h 2903"/>
                <a:gd name="T32" fmla="*/ 802 w 2905"/>
                <a:gd name="T33" fmla="*/ 2004 h 2903"/>
                <a:gd name="T34" fmla="*/ 901 w 2905"/>
                <a:gd name="T35" fmla="*/ 2103 h 2903"/>
                <a:gd name="T36" fmla="*/ 1004 w 2905"/>
                <a:gd name="T37" fmla="*/ 2196 h 2903"/>
                <a:gd name="T38" fmla="*/ 1112 w 2905"/>
                <a:gd name="T39" fmla="*/ 2284 h 2903"/>
                <a:gd name="T40" fmla="*/ 1224 w 2905"/>
                <a:gd name="T41" fmla="*/ 2368 h 2903"/>
                <a:gd name="T42" fmla="*/ 1339 w 2905"/>
                <a:gd name="T43" fmla="*/ 2447 h 2903"/>
                <a:gd name="T44" fmla="*/ 1460 w 2905"/>
                <a:gd name="T45" fmla="*/ 2518 h 2903"/>
                <a:gd name="T46" fmla="*/ 1583 w 2905"/>
                <a:gd name="T47" fmla="*/ 2586 h 2903"/>
                <a:gd name="T48" fmla="*/ 1709 w 2905"/>
                <a:gd name="T49" fmla="*/ 2647 h 2903"/>
                <a:gd name="T50" fmla="*/ 1839 w 2905"/>
                <a:gd name="T51" fmla="*/ 2702 h 2903"/>
                <a:gd name="T52" fmla="*/ 1973 w 2905"/>
                <a:gd name="T53" fmla="*/ 2751 h 2903"/>
                <a:gd name="T54" fmla="*/ 2110 w 2905"/>
                <a:gd name="T55" fmla="*/ 2793 h 2903"/>
                <a:gd name="T56" fmla="*/ 2249 w 2905"/>
                <a:gd name="T57" fmla="*/ 2830 h 2903"/>
                <a:gd name="T58" fmla="*/ 2390 w 2905"/>
                <a:gd name="T59" fmla="*/ 2859 h 2903"/>
                <a:gd name="T60" fmla="*/ 2535 w 2905"/>
                <a:gd name="T61" fmla="*/ 2881 h 2903"/>
                <a:gd name="T62" fmla="*/ 2681 w 2905"/>
                <a:gd name="T63" fmla="*/ 2896 h 2903"/>
                <a:gd name="T64" fmla="*/ 2830 w 2905"/>
                <a:gd name="T65" fmla="*/ 2903 h 2903"/>
                <a:gd name="T66" fmla="*/ 2905 w 2905"/>
                <a:gd name="T67" fmla="*/ 1161 h 2903"/>
                <a:gd name="T68" fmla="*/ 2844 w 2905"/>
                <a:gd name="T69" fmla="*/ 1159 h 2903"/>
                <a:gd name="T70" fmla="*/ 2727 w 2905"/>
                <a:gd name="T71" fmla="*/ 1148 h 2903"/>
                <a:gd name="T72" fmla="*/ 2614 w 2905"/>
                <a:gd name="T73" fmla="*/ 1125 h 2903"/>
                <a:gd name="T74" fmla="*/ 2506 w 2905"/>
                <a:gd name="T75" fmla="*/ 1092 h 2903"/>
                <a:gd name="T76" fmla="*/ 2401 w 2905"/>
                <a:gd name="T77" fmla="*/ 1048 h 2903"/>
                <a:gd name="T78" fmla="*/ 2302 w 2905"/>
                <a:gd name="T79" fmla="*/ 993 h 2903"/>
                <a:gd name="T80" fmla="*/ 2209 w 2905"/>
                <a:gd name="T81" fmla="*/ 930 h 2903"/>
                <a:gd name="T82" fmla="*/ 2123 w 2905"/>
                <a:gd name="T83" fmla="*/ 859 h 2903"/>
                <a:gd name="T84" fmla="*/ 2044 w 2905"/>
                <a:gd name="T85" fmla="*/ 780 h 2903"/>
                <a:gd name="T86" fmla="*/ 1974 w 2905"/>
                <a:gd name="T87" fmla="*/ 694 h 2903"/>
                <a:gd name="T88" fmla="*/ 1910 w 2905"/>
                <a:gd name="T89" fmla="*/ 603 h 2903"/>
                <a:gd name="T90" fmla="*/ 1857 w 2905"/>
                <a:gd name="T91" fmla="*/ 504 h 2903"/>
                <a:gd name="T92" fmla="*/ 1813 w 2905"/>
                <a:gd name="T93" fmla="*/ 399 h 2903"/>
                <a:gd name="T94" fmla="*/ 1780 w 2905"/>
                <a:gd name="T95" fmla="*/ 289 h 2903"/>
                <a:gd name="T96" fmla="*/ 1757 w 2905"/>
                <a:gd name="T97" fmla="*/ 178 h 2903"/>
                <a:gd name="T98" fmla="*/ 1744 w 2905"/>
                <a:gd name="T99" fmla="*/ 60 h 2903"/>
                <a:gd name="T100" fmla="*/ 1744 w 2905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1744" y="0"/>
                  </a:moveTo>
                  <a:lnTo>
                    <a:pt x="0" y="0"/>
                  </a:lnTo>
                  <a:lnTo>
                    <a:pt x="0" y="0"/>
                  </a:lnTo>
                  <a:lnTo>
                    <a:pt x="2" y="75"/>
                  </a:lnTo>
                  <a:lnTo>
                    <a:pt x="4" y="150"/>
                  </a:lnTo>
                  <a:lnTo>
                    <a:pt x="9" y="223"/>
                  </a:lnTo>
                  <a:lnTo>
                    <a:pt x="17" y="297"/>
                  </a:lnTo>
                  <a:lnTo>
                    <a:pt x="24" y="370"/>
                  </a:lnTo>
                  <a:lnTo>
                    <a:pt x="35" y="441"/>
                  </a:lnTo>
                  <a:lnTo>
                    <a:pt x="46" y="515"/>
                  </a:lnTo>
                  <a:lnTo>
                    <a:pt x="61" y="584"/>
                  </a:lnTo>
                  <a:lnTo>
                    <a:pt x="75" y="656"/>
                  </a:lnTo>
                  <a:lnTo>
                    <a:pt x="92" y="725"/>
                  </a:lnTo>
                  <a:lnTo>
                    <a:pt x="112" y="795"/>
                  </a:lnTo>
                  <a:lnTo>
                    <a:pt x="132" y="863"/>
                  </a:lnTo>
                  <a:lnTo>
                    <a:pt x="154" y="930"/>
                  </a:lnTo>
                  <a:lnTo>
                    <a:pt x="178" y="998"/>
                  </a:lnTo>
                  <a:lnTo>
                    <a:pt x="202" y="1064"/>
                  </a:lnTo>
                  <a:lnTo>
                    <a:pt x="229" y="1130"/>
                  </a:lnTo>
                  <a:lnTo>
                    <a:pt x="257" y="1194"/>
                  </a:lnTo>
                  <a:lnTo>
                    <a:pt x="288" y="1258"/>
                  </a:lnTo>
                  <a:lnTo>
                    <a:pt x="319" y="1322"/>
                  </a:lnTo>
                  <a:lnTo>
                    <a:pt x="352" y="1385"/>
                  </a:lnTo>
                  <a:lnTo>
                    <a:pt x="385" y="1445"/>
                  </a:lnTo>
                  <a:lnTo>
                    <a:pt x="422" y="1506"/>
                  </a:lnTo>
                  <a:lnTo>
                    <a:pt x="458" y="1564"/>
                  </a:lnTo>
                  <a:lnTo>
                    <a:pt x="497" y="1623"/>
                  </a:lnTo>
                  <a:lnTo>
                    <a:pt x="537" y="1681"/>
                  </a:lnTo>
                  <a:lnTo>
                    <a:pt x="577" y="1738"/>
                  </a:lnTo>
                  <a:lnTo>
                    <a:pt x="621" y="1793"/>
                  </a:lnTo>
                  <a:lnTo>
                    <a:pt x="663" y="1846"/>
                  </a:lnTo>
                  <a:lnTo>
                    <a:pt x="709" y="1899"/>
                  </a:lnTo>
                  <a:lnTo>
                    <a:pt x="755" y="1952"/>
                  </a:lnTo>
                  <a:lnTo>
                    <a:pt x="802" y="2004"/>
                  </a:lnTo>
                  <a:lnTo>
                    <a:pt x="852" y="2053"/>
                  </a:lnTo>
                  <a:lnTo>
                    <a:pt x="901" y="2103"/>
                  </a:lnTo>
                  <a:lnTo>
                    <a:pt x="953" y="2148"/>
                  </a:lnTo>
                  <a:lnTo>
                    <a:pt x="1004" y="2196"/>
                  </a:lnTo>
                  <a:lnTo>
                    <a:pt x="1057" y="2240"/>
                  </a:lnTo>
                  <a:lnTo>
                    <a:pt x="1112" y="2284"/>
                  </a:lnTo>
                  <a:lnTo>
                    <a:pt x="1167" y="2326"/>
                  </a:lnTo>
                  <a:lnTo>
                    <a:pt x="1224" y="2368"/>
                  </a:lnTo>
                  <a:lnTo>
                    <a:pt x="1280" y="2408"/>
                  </a:lnTo>
                  <a:lnTo>
                    <a:pt x="1339" y="2447"/>
                  </a:lnTo>
                  <a:lnTo>
                    <a:pt x="1399" y="2484"/>
                  </a:lnTo>
                  <a:lnTo>
                    <a:pt x="1460" y="2518"/>
                  </a:lnTo>
                  <a:lnTo>
                    <a:pt x="1520" y="2553"/>
                  </a:lnTo>
                  <a:lnTo>
                    <a:pt x="1583" y="2586"/>
                  </a:lnTo>
                  <a:lnTo>
                    <a:pt x="1645" y="2617"/>
                  </a:lnTo>
                  <a:lnTo>
                    <a:pt x="1709" y="2647"/>
                  </a:lnTo>
                  <a:lnTo>
                    <a:pt x="1775" y="2676"/>
                  </a:lnTo>
                  <a:lnTo>
                    <a:pt x="1839" y="2702"/>
                  </a:lnTo>
                  <a:lnTo>
                    <a:pt x="1907" y="2727"/>
                  </a:lnTo>
                  <a:lnTo>
                    <a:pt x="1973" y="2751"/>
                  </a:lnTo>
                  <a:lnTo>
                    <a:pt x="2040" y="2773"/>
                  </a:lnTo>
                  <a:lnTo>
                    <a:pt x="2110" y="2793"/>
                  </a:lnTo>
                  <a:lnTo>
                    <a:pt x="2180" y="2811"/>
                  </a:lnTo>
                  <a:lnTo>
                    <a:pt x="2249" y="2830"/>
                  </a:lnTo>
                  <a:lnTo>
                    <a:pt x="2319" y="2844"/>
                  </a:lnTo>
                  <a:lnTo>
                    <a:pt x="2390" y="2859"/>
                  </a:lnTo>
                  <a:lnTo>
                    <a:pt x="2462" y="2870"/>
                  </a:lnTo>
                  <a:lnTo>
                    <a:pt x="2535" y="2881"/>
                  </a:lnTo>
                  <a:lnTo>
                    <a:pt x="2608" y="2888"/>
                  </a:lnTo>
                  <a:lnTo>
                    <a:pt x="2681" y="2896"/>
                  </a:lnTo>
                  <a:lnTo>
                    <a:pt x="2755" y="2899"/>
                  </a:lnTo>
                  <a:lnTo>
                    <a:pt x="2830" y="2903"/>
                  </a:lnTo>
                  <a:lnTo>
                    <a:pt x="2905" y="2903"/>
                  </a:lnTo>
                  <a:lnTo>
                    <a:pt x="2905" y="1161"/>
                  </a:lnTo>
                  <a:lnTo>
                    <a:pt x="2905" y="1161"/>
                  </a:lnTo>
                  <a:lnTo>
                    <a:pt x="2844" y="1159"/>
                  </a:lnTo>
                  <a:lnTo>
                    <a:pt x="2786" y="1156"/>
                  </a:lnTo>
                  <a:lnTo>
                    <a:pt x="2727" y="1148"/>
                  </a:lnTo>
                  <a:lnTo>
                    <a:pt x="2670" y="1137"/>
                  </a:lnTo>
                  <a:lnTo>
                    <a:pt x="2614" y="1125"/>
                  </a:lnTo>
                  <a:lnTo>
                    <a:pt x="2559" y="1110"/>
                  </a:lnTo>
                  <a:lnTo>
                    <a:pt x="2506" y="1092"/>
                  </a:lnTo>
                  <a:lnTo>
                    <a:pt x="2452" y="1070"/>
                  </a:lnTo>
                  <a:lnTo>
                    <a:pt x="2401" y="1048"/>
                  </a:lnTo>
                  <a:lnTo>
                    <a:pt x="2350" y="1022"/>
                  </a:lnTo>
                  <a:lnTo>
                    <a:pt x="2302" y="993"/>
                  </a:lnTo>
                  <a:lnTo>
                    <a:pt x="2255" y="963"/>
                  </a:lnTo>
                  <a:lnTo>
                    <a:pt x="2209" y="930"/>
                  </a:lnTo>
                  <a:lnTo>
                    <a:pt x="2165" y="896"/>
                  </a:lnTo>
                  <a:lnTo>
                    <a:pt x="2123" y="859"/>
                  </a:lnTo>
                  <a:lnTo>
                    <a:pt x="2082" y="821"/>
                  </a:lnTo>
                  <a:lnTo>
                    <a:pt x="2044" y="780"/>
                  </a:lnTo>
                  <a:lnTo>
                    <a:pt x="2007" y="738"/>
                  </a:lnTo>
                  <a:lnTo>
                    <a:pt x="1974" y="694"/>
                  </a:lnTo>
                  <a:lnTo>
                    <a:pt x="1941" y="650"/>
                  </a:lnTo>
                  <a:lnTo>
                    <a:pt x="1910" y="603"/>
                  </a:lnTo>
                  <a:lnTo>
                    <a:pt x="1883" y="553"/>
                  </a:lnTo>
                  <a:lnTo>
                    <a:pt x="1857" y="504"/>
                  </a:lnTo>
                  <a:lnTo>
                    <a:pt x="1833" y="452"/>
                  </a:lnTo>
                  <a:lnTo>
                    <a:pt x="1813" y="399"/>
                  </a:lnTo>
                  <a:lnTo>
                    <a:pt x="1795" y="346"/>
                  </a:lnTo>
                  <a:lnTo>
                    <a:pt x="1780" y="289"/>
                  </a:lnTo>
                  <a:lnTo>
                    <a:pt x="1766" y="234"/>
                  </a:lnTo>
                  <a:lnTo>
                    <a:pt x="1757" y="178"/>
                  </a:lnTo>
                  <a:lnTo>
                    <a:pt x="1749" y="119"/>
                  </a:lnTo>
                  <a:lnTo>
                    <a:pt x="1744" y="60"/>
                  </a:lnTo>
                  <a:lnTo>
                    <a:pt x="1744" y="0"/>
                  </a:lnTo>
                  <a:lnTo>
                    <a:pt x="1744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57" name="Freeform: Shape 20"/>
            <p:cNvSpPr/>
            <p:nvPr/>
          </p:nvSpPr>
          <p:spPr bwMode="auto">
            <a:xfrm>
              <a:off x="3213034" y="3691698"/>
              <a:ext cx="1360802" cy="510803"/>
            </a:xfrm>
            <a:custGeom>
              <a:avLst/>
              <a:gdLst>
                <a:gd name="T0" fmla="*/ 0 w 2031"/>
                <a:gd name="T1" fmla="*/ 0 h 762"/>
                <a:gd name="T2" fmla="*/ 1016 w 2031"/>
                <a:gd name="T3" fmla="*/ 762 h 762"/>
                <a:gd name="T4" fmla="*/ 2031 w 2031"/>
                <a:gd name="T5" fmla="*/ 0 h 762"/>
                <a:gd name="T6" fmla="*/ 0 w 2031"/>
                <a:gd name="T7" fmla="*/ 0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1" h="762">
                  <a:moveTo>
                    <a:pt x="0" y="0"/>
                  </a:moveTo>
                  <a:lnTo>
                    <a:pt x="1016" y="762"/>
                  </a:lnTo>
                  <a:lnTo>
                    <a:pt x="2031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58" name="Freeform: Shape 23"/>
            <p:cNvSpPr/>
            <p:nvPr/>
          </p:nvSpPr>
          <p:spPr bwMode="auto">
            <a:xfrm>
              <a:off x="7623216" y="3691698"/>
              <a:ext cx="1360802" cy="510803"/>
            </a:xfrm>
            <a:custGeom>
              <a:avLst/>
              <a:gdLst>
                <a:gd name="T0" fmla="*/ 0 w 2031"/>
                <a:gd name="T1" fmla="*/ 0 h 762"/>
                <a:gd name="T2" fmla="*/ 1015 w 2031"/>
                <a:gd name="T3" fmla="*/ 762 h 762"/>
                <a:gd name="T4" fmla="*/ 2031 w 2031"/>
                <a:gd name="T5" fmla="*/ 0 h 762"/>
                <a:gd name="T6" fmla="*/ 0 w 2031"/>
                <a:gd name="T7" fmla="*/ 0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1" h="762">
                  <a:moveTo>
                    <a:pt x="0" y="0"/>
                  </a:moveTo>
                  <a:lnTo>
                    <a:pt x="1015" y="762"/>
                  </a:lnTo>
                  <a:lnTo>
                    <a:pt x="2031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59" name="Freeform: Shape 25"/>
            <p:cNvSpPr/>
            <p:nvPr/>
          </p:nvSpPr>
          <p:spPr bwMode="auto">
            <a:xfrm>
              <a:off x="4996251" y="2169467"/>
              <a:ext cx="1575297" cy="1575295"/>
            </a:xfrm>
            <a:custGeom>
              <a:avLst/>
              <a:gdLst>
                <a:gd name="T0" fmla="*/ 0 w 2905"/>
                <a:gd name="T1" fmla="*/ 1742 h 2903"/>
                <a:gd name="T2" fmla="*/ 61 w 2905"/>
                <a:gd name="T3" fmla="*/ 1744 h 2903"/>
                <a:gd name="T4" fmla="*/ 178 w 2905"/>
                <a:gd name="T5" fmla="*/ 1755 h 2903"/>
                <a:gd name="T6" fmla="*/ 291 w 2905"/>
                <a:gd name="T7" fmla="*/ 1778 h 2903"/>
                <a:gd name="T8" fmla="*/ 399 w 2905"/>
                <a:gd name="T9" fmla="*/ 1811 h 2903"/>
                <a:gd name="T10" fmla="*/ 504 w 2905"/>
                <a:gd name="T11" fmla="*/ 1855 h 2903"/>
                <a:gd name="T12" fmla="*/ 603 w 2905"/>
                <a:gd name="T13" fmla="*/ 1910 h 2903"/>
                <a:gd name="T14" fmla="*/ 696 w 2905"/>
                <a:gd name="T15" fmla="*/ 1973 h 2903"/>
                <a:gd name="T16" fmla="*/ 782 w 2905"/>
                <a:gd name="T17" fmla="*/ 2044 h 2903"/>
                <a:gd name="T18" fmla="*/ 861 w 2905"/>
                <a:gd name="T19" fmla="*/ 2123 h 2903"/>
                <a:gd name="T20" fmla="*/ 931 w 2905"/>
                <a:gd name="T21" fmla="*/ 2209 h 2903"/>
                <a:gd name="T22" fmla="*/ 995 w 2905"/>
                <a:gd name="T23" fmla="*/ 2300 h 2903"/>
                <a:gd name="T24" fmla="*/ 1048 w 2905"/>
                <a:gd name="T25" fmla="*/ 2399 h 2903"/>
                <a:gd name="T26" fmla="*/ 1092 w 2905"/>
                <a:gd name="T27" fmla="*/ 2504 h 2903"/>
                <a:gd name="T28" fmla="*/ 1125 w 2905"/>
                <a:gd name="T29" fmla="*/ 2614 h 2903"/>
                <a:gd name="T30" fmla="*/ 1148 w 2905"/>
                <a:gd name="T31" fmla="*/ 2725 h 2903"/>
                <a:gd name="T32" fmla="*/ 1161 w 2905"/>
                <a:gd name="T33" fmla="*/ 2843 h 2903"/>
                <a:gd name="T34" fmla="*/ 2905 w 2905"/>
                <a:gd name="T35" fmla="*/ 2903 h 2903"/>
                <a:gd name="T36" fmla="*/ 2903 w 2905"/>
                <a:gd name="T37" fmla="*/ 2828 h 2903"/>
                <a:gd name="T38" fmla="*/ 2896 w 2905"/>
                <a:gd name="T39" fmla="*/ 2680 h 2903"/>
                <a:gd name="T40" fmla="*/ 2881 w 2905"/>
                <a:gd name="T41" fmla="*/ 2533 h 2903"/>
                <a:gd name="T42" fmla="*/ 2859 w 2905"/>
                <a:gd name="T43" fmla="*/ 2388 h 2903"/>
                <a:gd name="T44" fmla="*/ 2830 w 2905"/>
                <a:gd name="T45" fmla="*/ 2247 h 2903"/>
                <a:gd name="T46" fmla="*/ 2793 w 2905"/>
                <a:gd name="T47" fmla="*/ 2108 h 2903"/>
                <a:gd name="T48" fmla="*/ 2751 w 2905"/>
                <a:gd name="T49" fmla="*/ 1973 h 2903"/>
                <a:gd name="T50" fmla="*/ 2703 w 2905"/>
                <a:gd name="T51" fmla="*/ 1839 h 2903"/>
                <a:gd name="T52" fmla="*/ 2648 w 2905"/>
                <a:gd name="T53" fmla="*/ 1709 h 2903"/>
                <a:gd name="T54" fmla="*/ 2586 w 2905"/>
                <a:gd name="T55" fmla="*/ 1581 h 2903"/>
                <a:gd name="T56" fmla="*/ 2520 w 2905"/>
                <a:gd name="T57" fmla="*/ 1458 h 2903"/>
                <a:gd name="T58" fmla="*/ 2447 w 2905"/>
                <a:gd name="T59" fmla="*/ 1339 h 2903"/>
                <a:gd name="T60" fmla="*/ 2368 w 2905"/>
                <a:gd name="T61" fmla="*/ 1222 h 2903"/>
                <a:gd name="T62" fmla="*/ 2284 w 2905"/>
                <a:gd name="T63" fmla="*/ 1110 h 2903"/>
                <a:gd name="T64" fmla="*/ 2196 w 2905"/>
                <a:gd name="T65" fmla="*/ 1004 h 2903"/>
                <a:gd name="T66" fmla="*/ 2103 w 2905"/>
                <a:gd name="T67" fmla="*/ 899 h 2903"/>
                <a:gd name="T68" fmla="*/ 2004 w 2905"/>
                <a:gd name="T69" fmla="*/ 800 h 2903"/>
                <a:gd name="T70" fmla="*/ 1901 w 2905"/>
                <a:gd name="T71" fmla="*/ 707 h 2903"/>
                <a:gd name="T72" fmla="*/ 1793 w 2905"/>
                <a:gd name="T73" fmla="*/ 619 h 2903"/>
                <a:gd name="T74" fmla="*/ 1681 w 2905"/>
                <a:gd name="T75" fmla="*/ 535 h 2903"/>
                <a:gd name="T76" fmla="*/ 1566 w 2905"/>
                <a:gd name="T77" fmla="*/ 456 h 2903"/>
                <a:gd name="T78" fmla="*/ 1445 w 2905"/>
                <a:gd name="T79" fmla="*/ 385 h 2903"/>
                <a:gd name="T80" fmla="*/ 1322 w 2905"/>
                <a:gd name="T81" fmla="*/ 317 h 2903"/>
                <a:gd name="T82" fmla="*/ 1196 w 2905"/>
                <a:gd name="T83" fmla="*/ 256 h 2903"/>
                <a:gd name="T84" fmla="*/ 1066 w 2905"/>
                <a:gd name="T85" fmla="*/ 201 h 2903"/>
                <a:gd name="T86" fmla="*/ 932 w 2905"/>
                <a:gd name="T87" fmla="*/ 152 h 2903"/>
                <a:gd name="T88" fmla="*/ 795 w 2905"/>
                <a:gd name="T89" fmla="*/ 110 h 2903"/>
                <a:gd name="T90" fmla="*/ 656 w 2905"/>
                <a:gd name="T91" fmla="*/ 73 h 2903"/>
                <a:gd name="T92" fmla="*/ 515 w 2905"/>
                <a:gd name="T93" fmla="*/ 44 h 2903"/>
                <a:gd name="T94" fmla="*/ 370 w 2905"/>
                <a:gd name="T95" fmla="*/ 22 h 2903"/>
                <a:gd name="T96" fmla="*/ 224 w 2905"/>
                <a:gd name="T97" fmla="*/ 7 h 2903"/>
                <a:gd name="T98" fmla="*/ 75 w 2905"/>
                <a:gd name="T99" fmla="*/ 0 h 2903"/>
                <a:gd name="T100" fmla="*/ 0 w 2905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0" y="0"/>
                  </a:moveTo>
                  <a:lnTo>
                    <a:pt x="0" y="1742"/>
                  </a:lnTo>
                  <a:lnTo>
                    <a:pt x="0" y="1742"/>
                  </a:lnTo>
                  <a:lnTo>
                    <a:pt x="61" y="1744"/>
                  </a:lnTo>
                  <a:lnTo>
                    <a:pt x="119" y="1747"/>
                  </a:lnTo>
                  <a:lnTo>
                    <a:pt x="178" y="1755"/>
                  </a:lnTo>
                  <a:lnTo>
                    <a:pt x="235" y="1766"/>
                  </a:lnTo>
                  <a:lnTo>
                    <a:pt x="291" y="1778"/>
                  </a:lnTo>
                  <a:lnTo>
                    <a:pt x="346" y="1793"/>
                  </a:lnTo>
                  <a:lnTo>
                    <a:pt x="399" y="1811"/>
                  </a:lnTo>
                  <a:lnTo>
                    <a:pt x="453" y="1833"/>
                  </a:lnTo>
                  <a:lnTo>
                    <a:pt x="504" y="1855"/>
                  </a:lnTo>
                  <a:lnTo>
                    <a:pt x="555" y="1881"/>
                  </a:lnTo>
                  <a:lnTo>
                    <a:pt x="603" y="1910"/>
                  </a:lnTo>
                  <a:lnTo>
                    <a:pt x="650" y="1940"/>
                  </a:lnTo>
                  <a:lnTo>
                    <a:pt x="696" y="1973"/>
                  </a:lnTo>
                  <a:lnTo>
                    <a:pt x="740" y="2007"/>
                  </a:lnTo>
                  <a:lnTo>
                    <a:pt x="782" y="2044"/>
                  </a:lnTo>
                  <a:lnTo>
                    <a:pt x="823" y="2082"/>
                  </a:lnTo>
                  <a:lnTo>
                    <a:pt x="861" y="2123"/>
                  </a:lnTo>
                  <a:lnTo>
                    <a:pt x="898" y="2165"/>
                  </a:lnTo>
                  <a:lnTo>
                    <a:pt x="931" y="2209"/>
                  </a:lnTo>
                  <a:lnTo>
                    <a:pt x="964" y="2253"/>
                  </a:lnTo>
                  <a:lnTo>
                    <a:pt x="995" y="2300"/>
                  </a:lnTo>
                  <a:lnTo>
                    <a:pt x="1022" y="2350"/>
                  </a:lnTo>
                  <a:lnTo>
                    <a:pt x="1048" y="2399"/>
                  </a:lnTo>
                  <a:lnTo>
                    <a:pt x="1072" y="2451"/>
                  </a:lnTo>
                  <a:lnTo>
                    <a:pt x="1092" y="2504"/>
                  </a:lnTo>
                  <a:lnTo>
                    <a:pt x="1110" y="2557"/>
                  </a:lnTo>
                  <a:lnTo>
                    <a:pt x="1125" y="2614"/>
                  </a:lnTo>
                  <a:lnTo>
                    <a:pt x="1139" y="2669"/>
                  </a:lnTo>
                  <a:lnTo>
                    <a:pt x="1148" y="2725"/>
                  </a:lnTo>
                  <a:lnTo>
                    <a:pt x="1156" y="2784"/>
                  </a:lnTo>
                  <a:lnTo>
                    <a:pt x="1161" y="2843"/>
                  </a:lnTo>
                  <a:lnTo>
                    <a:pt x="1161" y="2903"/>
                  </a:lnTo>
                  <a:lnTo>
                    <a:pt x="2905" y="2903"/>
                  </a:lnTo>
                  <a:lnTo>
                    <a:pt x="2905" y="2903"/>
                  </a:lnTo>
                  <a:lnTo>
                    <a:pt x="2903" y="2828"/>
                  </a:lnTo>
                  <a:lnTo>
                    <a:pt x="2901" y="2753"/>
                  </a:lnTo>
                  <a:lnTo>
                    <a:pt x="2896" y="2680"/>
                  </a:lnTo>
                  <a:lnTo>
                    <a:pt x="2888" y="2606"/>
                  </a:lnTo>
                  <a:lnTo>
                    <a:pt x="2881" y="2533"/>
                  </a:lnTo>
                  <a:lnTo>
                    <a:pt x="2870" y="2462"/>
                  </a:lnTo>
                  <a:lnTo>
                    <a:pt x="2859" y="2388"/>
                  </a:lnTo>
                  <a:lnTo>
                    <a:pt x="2844" y="2319"/>
                  </a:lnTo>
                  <a:lnTo>
                    <a:pt x="2830" y="2247"/>
                  </a:lnTo>
                  <a:lnTo>
                    <a:pt x="2813" y="2178"/>
                  </a:lnTo>
                  <a:lnTo>
                    <a:pt x="2793" y="2108"/>
                  </a:lnTo>
                  <a:lnTo>
                    <a:pt x="2773" y="2040"/>
                  </a:lnTo>
                  <a:lnTo>
                    <a:pt x="2751" y="1973"/>
                  </a:lnTo>
                  <a:lnTo>
                    <a:pt x="2727" y="1905"/>
                  </a:lnTo>
                  <a:lnTo>
                    <a:pt x="2703" y="1839"/>
                  </a:lnTo>
                  <a:lnTo>
                    <a:pt x="2676" y="1773"/>
                  </a:lnTo>
                  <a:lnTo>
                    <a:pt x="2648" y="1709"/>
                  </a:lnTo>
                  <a:lnTo>
                    <a:pt x="2617" y="1645"/>
                  </a:lnTo>
                  <a:lnTo>
                    <a:pt x="2586" y="1581"/>
                  </a:lnTo>
                  <a:lnTo>
                    <a:pt x="2553" y="1518"/>
                  </a:lnTo>
                  <a:lnTo>
                    <a:pt x="2520" y="1458"/>
                  </a:lnTo>
                  <a:lnTo>
                    <a:pt x="2483" y="1397"/>
                  </a:lnTo>
                  <a:lnTo>
                    <a:pt x="2447" y="1339"/>
                  </a:lnTo>
                  <a:lnTo>
                    <a:pt x="2408" y="1280"/>
                  </a:lnTo>
                  <a:lnTo>
                    <a:pt x="2368" y="1222"/>
                  </a:lnTo>
                  <a:lnTo>
                    <a:pt x="2328" y="1165"/>
                  </a:lnTo>
                  <a:lnTo>
                    <a:pt x="2284" y="1110"/>
                  </a:lnTo>
                  <a:lnTo>
                    <a:pt x="2242" y="1057"/>
                  </a:lnTo>
                  <a:lnTo>
                    <a:pt x="2196" y="1004"/>
                  </a:lnTo>
                  <a:lnTo>
                    <a:pt x="2150" y="951"/>
                  </a:lnTo>
                  <a:lnTo>
                    <a:pt x="2103" y="899"/>
                  </a:lnTo>
                  <a:lnTo>
                    <a:pt x="2053" y="850"/>
                  </a:lnTo>
                  <a:lnTo>
                    <a:pt x="2004" y="800"/>
                  </a:lnTo>
                  <a:lnTo>
                    <a:pt x="1952" y="755"/>
                  </a:lnTo>
                  <a:lnTo>
                    <a:pt x="1901" y="707"/>
                  </a:lnTo>
                  <a:lnTo>
                    <a:pt x="1848" y="663"/>
                  </a:lnTo>
                  <a:lnTo>
                    <a:pt x="1793" y="619"/>
                  </a:lnTo>
                  <a:lnTo>
                    <a:pt x="1738" y="577"/>
                  </a:lnTo>
                  <a:lnTo>
                    <a:pt x="1681" y="535"/>
                  </a:lnTo>
                  <a:lnTo>
                    <a:pt x="1625" y="495"/>
                  </a:lnTo>
                  <a:lnTo>
                    <a:pt x="1566" y="456"/>
                  </a:lnTo>
                  <a:lnTo>
                    <a:pt x="1506" y="419"/>
                  </a:lnTo>
                  <a:lnTo>
                    <a:pt x="1445" y="385"/>
                  </a:lnTo>
                  <a:lnTo>
                    <a:pt x="1385" y="350"/>
                  </a:lnTo>
                  <a:lnTo>
                    <a:pt x="1322" y="317"/>
                  </a:lnTo>
                  <a:lnTo>
                    <a:pt x="1260" y="286"/>
                  </a:lnTo>
                  <a:lnTo>
                    <a:pt x="1196" y="256"/>
                  </a:lnTo>
                  <a:lnTo>
                    <a:pt x="1130" y="227"/>
                  </a:lnTo>
                  <a:lnTo>
                    <a:pt x="1066" y="201"/>
                  </a:lnTo>
                  <a:lnTo>
                    <a:pt x="998" y="176"/>
                  </a:lnTo>
                  <a:lnTo>
                    <a:pt x="932" y="152"/>
                  </a:lnTo>
                  <a:lnTo>
                    <a:pt x="865" y="130"/>
                  </a:lnTo>
                  <a:lnTo>
                    <a:pt x="795" y="110"/>
                  </a:lnTo>
                  <a:lnTo>
                    <a:pt x="725" y="92"/>
                  </a:lnTo>
                  <a:lnTo>
                    <a:pt x="656" y="73"/>
                  </a:lnTo>
                  <a:lnTo>
                    <a:pt x="586" y="59"/>
                  </a:lnTo>
                  <a:lnTo>
                    <a:pt x="515" y="44"/>
                  </a:lnTo>
                  <a:lnTo>
                    <a:pt x="443" y="33"/>
                  </a:lnTo>
                  <a:lnTo>
                    <a:pt x="370" y="22"/>
                  </a:lnTo>
                  <a:lnTo>
                    <a:pt x="297" y="15"/>
                  </a:lnTo>
                  <a:lnTo>
                    <a:pt x="224" y="7"/>
                  </a:lnTo>
                  <a:lnTo>
                    <a:pt x="150" y="4"/>
                  </a:lnTo>
                  <a:lnTo>
                    <a:pt x="75" y="0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60" name="Freeform: Shape 26"/>
            <p:cNvSpPr/>
            <p:nvPr/>
          </p:nvSpPr>
          <p:spPr bwMode="auto">
            <a:xfrm>
              <a:off x="5417452" y="3285940"/>
              <a:ext cx="1362143" cy="510803"/>
            </a:xfrm>
            <a:custGeom>
              <a:avLst/>
              <a:gdLst>
                <a:gd name="T0" fmla="*/ 2032 w 2032"/>
                <a:gd name="T1" fmla="*/ 762 h 762"/>
                <a:gd name="T2" fmla="*/ 1016 w 2032"/>
                <a:gd name="T3" fmla="*/ 0 h 762"/>
                <a:gd name="T4" fmla="*/ 0 w 2032"/>
                <a:gd name="T5" fmla="*/ 762 h 762"/>
                <a:gd name="T6" fmla="*/ 2032 w 2032"/>
                <a:gd name="T7" fmla="*/ 762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2" h="762">
                  <a:moveTo>
                    <a:pt x="2032" y="762"/>
                  </a:moveTo>
                  <a:lnTo>
                    <a:pt x="1016" y="0"/>
                  </a:lnTo>
                  <a:lnTo>
                    <a:pt x="0" y="762"/>
                  </a:lnTo>
                  <a:lnTo>
                    <a:pt x="2032" y="762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</p:grpSp>
      <p:grpSp>
        <p:nvGrpSpPr>
          <p:cNvPr id="61" name="组合 1"/>
          <p:cNvGrpSpPr/>
          <p:nvPr/>
        </p:nvGrpSpPr>
        <p:grpSpPr>
          <a:xfrm rot="19569396">
            <a:off x="-66436" y="5824"/>
            <a:ext cx="1193616" cy="933901"/>
            <a:chOff x="3213034" y="2169467"/>
            <a:chExt cx="5770984" cy="3149507"/>
          </a:xfrm>
        </p:grpSpPr>
        <p:sp>
          <p:nvSpPr>
            <p:cNvPr id="62" name="Oval 32"/>
            <p:cNvSpPr/>
            <p:nvPr/>
          </p:nvSpPr>
          <p:spPr>
            <a:xfrm>
              <a:off x="6650647" y="3206028"/>
              <a:ext cx="1084349" cy="1084349"/>
            </a:xfrm>
            <a:prstGeom prst="ellipse">
              <a:avLst/>
            </a:prstGeom>
            <a:solidFill>
              <a:schemeClr val="bg1">
                <a:lumMod val="9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63" name="Oval 30"/>
            <p:cNvSpPr/>
            <p:nvPr/>
          </p:nvSpPr>
          <p:spPr>
            <a:xfrm>
              <a:off x="4444881" y="3206028"/>
              <a:ext cx="1084349" cy="1084349"/>
            </a:xfrm>
            <a:prstGeom prst="ellipse">
              <a:avLst/>
            </a:prstGeom>
            <a:solidFill>
              <a:schemeClr val="bg1">
                <a:lumMod val="9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64" name="Freeform: Shape 13"/>
            <p:cNvSpPr/>
            <p:nvPr/>
          </p:nvSpPr>
          <p:spPr bwMode="auto">
            <a:xfrm>
              <a:off x="5625502" y="2169467"/>
              <a:ext cx="1575298" cy="1575295"/>
            </a:xfrm>
            <a:custGeom>
              <a:avLst/>
              <a:gdLst>
                <a:gd name="T0" fmla="*/ 2905 w 2905"/>
                <a:gd name="T1" fmla="*/ 0 h 2903"/>
                <a:gd name="T2" fmla="*/ 2830 w 2905"/>
                <a:gd name="T3" fmla="*/ 0 h 2903"/>
                <a:gd name="T4" fmla="*/ 2681 w 2905"/>
                <a:gd name="T5" fmla="*/ 7 h 2903"/>
                <a:gd name="T6" fmla="*/ 2535 w 2905"/>
                <a:gd name="T7" fmla="*/ 22 h 2903"/>
                <a:gd name="T8" fmla="*/ 2390 w 2905"/>
                <a:gd name="T9" fmla="*/ 44 h 2903"/>
                <a:gd name="T10" fmla="*/ 2249 w 2905"/>
                <a:gd name="T11" fmla="*/ 73 h 2903"/>
                <a:gd name="T12" fmla="*/ 2110 w 2905"/>
                <a:gd name="T13" fmla="*/ 110 h 2903"/>
                <a:gd name="T14" fmla="*/ 1973 w 2905"/>
                <a:gd name="T15" fmla="*/ 152 h 2903"/>
                <a:gd name="T16" fmla="*/ 1839 w 2905"/>
                <a:gd name="T17" fmla="*/ 201 h 2903"/>
                <a:gd name="T18" fmla="*/ 1709 w 2905"/>
                <a:gd name="T19" fmla="*/ 256 h 2903"/>
                <a:gd name="T20" fmla="*/ 1583 w 2905"/>
                <a:gd name="T21" fmla="*/ 317 h 2903"/>
                <a:gd name="T22" fmla="*/ 1460 w 2905"/>
                <a:gd name="T23" fmla="*/ 385 h 2903"/>
                <a:gd name="T24" fmla="*/ 1339 w 2905"/>
                <a:gd name="T25" fmla="*/ 456 h 2903"/>
                <a:gd name="T26" fmla="*/ 1224 w 2905"/>
                <a:gd name="T27" fmla="*/ 535 h 2903"/>
                <a:gd name="T28" fmla="*/ 1112 w 2905"/>
                <a:gd name="T29" fmla="*/ 619 h 2903"/>
                <a:gd name="T30" fmla="*/ 1004 w 2905"/>
                <a:gd name="T31" fmla="*/ 707 h 2903"/>
                <a:gd name="T32" fmla="*/ 901 w 2905"/>
                <a:gd name="T33" fmla="*/ 800 h 2903"/>
                <a:gd name="T34" fmla="*/ 802 w 2905"/>
                <a:gd name="T35" fmla="*/ 899 h 2903"/>
                <a:gd name="T36" fmla="*/ 709 w 2905"/>
                <a:gd name="T37" fmla="*/ 1004 h 2903"/>
                <a:gd name="T38" fmla="*/ 621 w 2905"/>
                <a:gd name="T39" fmla="*/ 1110 h 2903"/>
                <a:gd name="T40" fmla="*/ 537 w 2905"/>
                <a:gd name="T41" fmla="*/ 1222 h 2903"/>
                <a:gd name="T42" fmla="*/ 458 w 2905"/>
                <a:gd name="T43" fmla="*/ 1339 h 2903"/>
                <a:gd name="T44" fmla="*/ 385 w 2905"/>
                <a:gd name="T45" fmla="*/ 1458 h 2903"/>
                <a:gd name="T46" fmla="*/ 319 w 2905"/>
                <a:gd name="T47" fmla="*/ 1581 h 2903"/>
                <a:gd name="T48" fmla="*/ 257 w 2905"/>
                <a:gd name="T49" fmla="*/ 1709 h 2903"/>
                <a:gd name="T50" fmla="*/ 202 w 2905"/>
                <a:gd name="T51" fmla="*/ 1839 h 2903"/>
                <a:gd name="T52" fmla="*/ 154 w 2905"/>
                <a:gd name="T53" fmla="*/ 1973 h 2903"/>
                <a:gd name="T54" fmla="*/ 112 w 2905"/>
                <a:gd name="T55" fmla="*/ 2108 h 2903"/>
                <a:gd name="T56" fmla="*/ 75 w 2905"/>
                <a:gd name="T57" fmla="*/ 2247 h 2903"/>
                <a:gd name="T58" fmla="*/ 46 w 2905"/>
                <a:gd name="T59" fmla="*/ 2388 h 2903"/>
                <a:gd name="T60" fmla="*/ 24 w 2905"/>
                <a:gd name="T61" fmla="*/ 2533 h 2903"/>
                <a:gd name="T62" fmla="*/ 9 w 2905"/>
                <a:gd name="T63" fmla="*/ 2680 h 2903"/>
                <a:gd name="T64" fmla="*/ 2 w 2905"/>
                <a:gd name="T65" fmla="*/ 2828 h 2903"/>
                <a:gd name="T66" fmla="*/ 1744 w 2905"/>
                <a:gd name="T67" fmla="*/ 2903 h 2903"/>
                <a:gd name="T68" fmla="*/ 1744 w 2905"/>
                <a:gd name="T69" fmla="*/ 2843 h 2903"/>
                <a:gd name="T70" fmla="*/ 1757 w 2905"/>
                <a:gd name="T71" fmla="*/ 2725 h 2903"/>
                <a:gd name="T72" fmla="*/ 1780 w 2905"/>
                <a:gd name="T73" fmla="*/ 2614 h 2903"/>
                <a:gd name="T74" fmla="*/ 1813 w 2905"/>
                <a:gd name="T75" fmla="*/ 2504 h 2903"/>
                <a:gd name="T76" fmla="*/ 1857 w 2905"/>
                <a:gd name="T77" fmla="*/ 2399 h 2903"/>
                <a:gd name="T78" fmla="*/ 1910 w 2905"/>
                <a:gd name="T79" fmla="*/ 2300 h 2903"/>
                <a:gd name="T80" fmla="*/ 1974 w 2905"/>
                <a:gd name="T81" fmla="*/ 2209 h 2903"/>
                <a:gd name="T82" fmla="*/ 2044 w 2905"/>
                <a:gd name="T83" fmla="*/ 2123 h 2903"/>
                <a:gd name="T84" fmla="*/ 2123 w 2905"/>
                <a:gd name="T85" fmla="*/ 2044 h 2903"/>
                <a:gd name="T86" fmla="*/ 2209 w 2905"/>
                <a:gd name="T87" fmla="*/ 1973 h 2903"/>
                <a:gd name="T88" fmla="*/ 2302 w 2905"/>
                <a:gd name="T89" fmla="*/ 1910 h 2903"/>
                <a:gd name="T90" fmla="*/ 2401 w 2905"/>
                <a:gd name="T91" fmla="*/ 1855 h 2903"/>
                <a:gd name="T92" fmla="*/ 2506 w 2905"/>
                <a:gd name="T93" fmla="*/ 1811 h 2903"/>
                <a:gd name="T94" fmla="*/ 2614 w 2905"/>
                <a:gd name="T95" fmla="*/ 1778 h 2903"/>
                <a:gd name="T96" fmla="*/ 2727 w 2905"/>
                <a:gd name="T97" fmla="*/ 1755 h 2903"/>
                <a:gd name="T98" fmla="*/ 2844 w 2905"/>
                <a:gd name="T99" fmla="*/ 1744 h 2903"/>
                <a:gd name="T100" fmla="*/ 2905 w 2905"/>
                <a:gd name="T101" fmla="*/ 1742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2905" y="1742"/>
                  </a:moveTo>
                  <a:lnTo>
                    <a:pt x="2905" y="0"/>
                  </a:lnTo>
                  <a:lnTo>
                    <a:pt x="2905" y="0"/>
                  </a:lnTo>
                  <a:lnTo>
                    <a:pt x="2830" y="0"/>
                  </a:lnTo>
                  <a:lnTo>
                    <a:pt x="2755" y="4"/>
                  </a:lnTo>
                  <a:lnTo>
                    <a:pt x="2681" y="7"/>
                  </a:lnTo>
                  <a:lnTo>
                    <a:pt x="2608" y="15"/>
                  </a:lnTo>
                  <a:lnTo>
                    <a:pt x="2535" y="22"/>
                  </a:lnTo>
                  <a:lnTo>
                    <a:pt x="2462" y="33"/>
                  </a:lnTo>
                  <a:lnTo>
                    <a:pt x="2390" y="44"/>
                  </a:lnTo>
                  <a:lnTo>
                    <a:pt x="2319" y="59"/>
                  </a:lnTo>
                  <a:lnTo>
                    <a:pt x="2249" y="73"/>
                  </a:lnTo>
                  <a:lnTo>
                    <a:pt x="2180" y="92"/>
                  </a:lnTo>
                  <a:lnTo>
                    <a:pt x="2110" y="110"/>
                  </a:lnTo>
                  <a:lnTo>
                    <a:pt x="2040" y="130"/>
                  </a:lnTo>
                  <a:lnTo>
                    <a:pt x="1973" y="152"/>
                  </a:lnTo>
                  <a:lnTo>
                    <a:pt x="1907" y="176"/>
                  </a:lnTo>
                  <a:lnTo>
                    <a:pt x="1839" y="201"/>
                  </a:lnTo>
                  <a:lnTo>
                    <a:pt x="1775" y="227"/>
                  </a:lnTo>
                  <a:lnTo>
                    <a:pt x="1709" y="256"/>
                  </a:lnTo>
                  <a:lnTo>
                    <a:pt x="1645" y="286"/>
                  </a:lnTo>
                  <a:lnTo>
                    <a:pt x="1583" y="317"/>
                  </a:lnTo>
                  <a:lnTo>
                    <a:pt x="1520" y="350"/>
                  </a:lnTo>
                  <a:lnTo>
                    <a:pt x="1460" y="385"/>
                  </a:lnTo>
                  <a:lnTo>
                    <a:pt x="1399" y="419"/>
                  </a:lnTo>
                  <a:lnTo>
                    <a:pt x="1339" y="456"/>
                  </a:lnTo>
                  <a:lnTo>
                    <a:pt x="1280" y="495"/>
                  </a:lnTo>
                  <a:lnTo>
                    <a:pt x="1224" y="535"/>
                  </a:lnTo>
                  <a:lnTo>
                    <a:pt x="1167" y="577"/>
                  </a:lnTo>
                  <a:lnTo>
                    <a:pt x="1112" y="619"/>
                  </a:lnTo>
                  <a:lnTo>
                    <a:pt x="1057" y="663"/>
                  </a:lnTo>
                  <a:lnTo>
                    <a:pt x="1004" y="707"/>
                  </a:lnTo>
                  <a:lnTo>
                    <a:pt x="953" y="755"/>
                  </a:lnTo>
                  <a:lnTo>
                    <a:pt x="901" y="800"/>
                  </a:lnTo>
                  <a:lnTo>
                    <a:pt x="852" y="850"/>
                  </a:lnTo>
                  <a:lnTo>
                    <a:pt x="802" y="899"/>
                  </a:lnTo>
                  <a:lnTo>
                    <a:pt x="755" y="951"/>
                  </a:lnTo>
                  <a:lnTo>
                    <a:pt x="709" y="1004"/>
                  </a:lnTo>
                  <a:lnTo>
                    <a:pt x="663" y="1057"/>
                  </a:lnTo>
                  <a:lnTo>
                    <a:pt x="621" y="1110"/>
                  </a:lnTo>
                  <a:lnTo>
                    <a:pt x="577" y="1165"/>
                  </a:lnTo>
                  <a:lnTo>
                    <a:pt x="537" y="1222"/>
                  </a:lnTo>
                  <a:lnTo>
                    <a:pt x="497" y="1280"/>
                  </a:lnTo>
                  <a:lnTo>
                    <a:pt x="458" y="1339"/>
                  </a:lnTo>
                  <a:lnTo>
                    <a:pt x="422" y="1397"/>
                  </a:lnTo>
                  <a:lnTo>
                    <a:pt x="385" y="1458"/>
                  </a:lnTo>
                  <a:lnTo>
                    <a:pt x="352" y="1518"/>
                  </a:lnTo>
                  <a:lnTo>
                    <a:pt x="319" y="1581"/>
                  </a:lnTo>
                  <a:lnTo>
                    <a:pt x="288" y="1645"/>
                  </a:lnTo>
                  <a:lnTo>
                    <a:pt x="257" y="1709"/>
                  </a:lnTo>
                  <a:lnTo>
                    <a:pt x="229" y="1773"/>
                  </a:lnTo>
                  <a:lnTo>
                    <a:pt x="202" y="1839"/>
                  </a:lnTo>
                  <a:lnTo>
                    <a:pt x="178" y="1905"/>
                  </a:lnTo>
                  <a:lnTo>
                    <a:pt x="154" y="1973"/>
                  </a:lnTo>
                  <a:lnTo>
                    <a:pt x="132" y="2040"/>
                  </a:lnTo>
                  <a:lnTo>
                    <a:pt x="112" y="2108"/>
                  </a:lnTo>
                  <a:lnTo>
                    <a:pt x="92" y="2178"/>
                  </a:lnTo>
                  <a:lnTo>
                    <a:pt x="75" y="2247"/>
                  </a:lnTo>
                  <a:lnTo>
                    <a:pt x="61" y="2319"/>
                  </a:lnTo>
                  <a:lnTo>
                    <a:pt x="46" y="2388"/>
                  </a:lnTo>
                  <a:lnTo>
                    <a:pt x="35" y="2462"/>
                  </a:lnTo>
                  <a:lnTo>
                    <a:pt x="24" y="2533"/>
                  </a:lnTo>
                  <a:lnTo>
                    <a:pt x="17" y="2606"/>
                  </a:lnTo>
                  <a:lnTo>
                    <a:pt x="9" y="2680"/>
                  </a:lnTo>
                  <a:lnTo>
                    <a:pt x="4" y="2753"/>
                  </a:lnTo>
                  <a:lnTo>
                    <a:pt x="2" y="2828"/>
                  </a:lnTo>
                  <a:lnTo>
                    <a:pt x="0" y="2903"/>
                  </a:lnTo>
                  <a:lnTo>
                    <a:pt x="1744" y="2903"/>
                  </a:lnTo>
                  <a:lnTo>
                    <a:pt x="1744" y="2903"/>
                  </a:lnTo>
                  <a:lnTo>
                    <a:pt x="1744" y="2843"/>
                  </a:lnTo>
                  <a:lnTo>
                    <a:pt x="1749" y="2784"/>
                  </a:lnTo>
                  <a:lnTo>
                    <a:pt x="1757" y="2725"/>
                  </a:lnTo>
                  <a:lnTo>
                    <a:pt x="1766" y="2669"/>
                  </a:lnTo>
                  <a:lnTo>
                    <a:pt x="1780" y="2614"/>
                  </a:lnTo>
                  <a:lnTo>
                    <a:pt x="1795" y="2557"/>
                  </a:lnTo>
                  <a:lnTo>
                    <a:pt x="1813" y="2504"/>
                  </a:lnTo>
                  <a:lnTo>
                    <a:pt x="1833" y="2451"/>
                  </a:lnTo>
                  <a:lnTo>
                    <a:pt x="1857" y="2399"/>
                  </a:lnTo>
                  <a:lnTo>
                    <a:pt x="1883" y="2350"/>
                  </a:lnTo>
                  <a:lnTo>
                    <a:pt x="1910" y="2300"/>
                  </a:lnTo>
                  <a:lnTo>
                    <a:pt x="1941" y="2253"/>
                  </a:lnTo>
                  <a:lnTo>
                    <a:pt x="1974" y="2209"/>
                  </a:lnTo>
                  <a:lnTo>
                    <a:pt x="2007" y="2165"/>
                  </a:lnTo>
                  <a:lnTo>
                    <a:pt x="2044" y="2123"/>
                  </a:lnTo>
                  <a:lnTo>
                    <a:pt x="2082" y="2082"/>
                  </a:lnTo>
                  <a:lnTo>
                    <a:pt x="2123" y="2044"/>
                  </a:lnTo>
                  <a:lnTo>
                    <a:pt x="2165" y="2007"/>
                  </a:lnTo>
                  <a:lnTo>
                    <a:pt x="2209" y="1973"/>
                  </a:lnTo>
                  <a:lnTo>
                    <a:pt x="2255" y="1940"/>
                  </a:lnTo>
                  <a:lnTo>
                    <a:pt x="2302" y="1910"/>
                  </a:lnTo>
                  <a:lnTo>
                    <a:pt x="2350" y="1881"/>
                  </a:lnTo>
                  <a:lnTo>
                    <a:pt x="2401" y="1855"/>
                  </a:lnTo>
                  <a:lnTo>
                    <a:pt x="2452" y="1833"/>
                  </a:lnTo>
                  <a:lnTo>
                    <a:pt x="2506" y="1811"/>
                  </a:lnTo>
                  <a:lnTo>
                    <a:pt x="2559" y="1793"/>
                  </a:lnTo>
                  <a:lnTo>
                    <a:pt x="2614" y="1778"/>
                  </a:lnTo>
                  <a:lnTo>
                    <a:pt x="2670" y="1766"/>
                  </a:lnTo>
                  <a:lnTo>
                    <a:pt x="2727" y="1755"/>
                  </a:lnTo>
                  <a:lnTo>
                    <a:pt x="2786" y="1747"/>
                  </a:lnTo>
                  <a:lnTo>
                    <a:pt x="2844" y="1744"/>
                  </a:lnTo>
                  <a:lnTo>
                    <a:pt x="2905" y="1742"/>
                  </a:lnTo>
                  <a:lnTo>
                    <a:pt x="2905" y="1742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65" name="Freeform: Shape 14"/>
            <p:cNvSpPr/>
            <p:nvPr/>
          </p:nvSpPr>
          <p:spPr bwMode="auto">
            <a:xfrm>
              <a:off x="7200800" y="2169467"/>
              <a:ext cx="1575298" cy="1575295"/>
            </a:xfrm>
            <a:custGeom>
              <a:avLst/>
              <a:gdLst>
                <a:gd name="T0" fmla="*/ 0 w 2902"/>
                <a:gd name="T1" fmla="*/ 1742 h 2903"/>
                <a:gd name="T2" fmla="*/ 58 w 2902"/>
                <a:gd name="T3" fmla="*/ 1744 h 2903"/>
                <a:gd name="T4" fmla="*/ 176 w 2902"/>
                <a:gd name="T5" fmla="*/ 1755 h 2903"/>
                <a:gd name="T6" fmla="*/ 289 w 2902"/>
                <a:gd name="T7" fmla="*/ 1778 h 2903"/>
                <a:gd name="T8" fmla="*/ 399 w 2902"/>
                <a:gd name="T9" fmla="*/ 1811 h 2903"/>
                <a:gd name="T10" fmla="*/ 503 w 2902"/>
                <a:gd name="T11" fmla="*/ 1855 h 2903"/>
                <a:gd name="T12" fmla="*/ 602 w 2902"/>
                <a:gd name="T13" fmla="*/ 1910 h 2903"/>
                <a:gd name="T14" fmla="*/ 694 w 2902"/>
                <a:gd name="T15" fmla="*/ 1973 h 2903"/>
                <a:gd name="T16" fmla="*/ 780 w 2902"/>
                <a:gd name="T17" fmla="*/ 2044 h 2903"/>
                <a:gd name="T18" fmla="*/ 859 w 2902"/>
                <a:gd name="T19" fmla="*/ 2123 h 2903"/>
                <a:gd name="T20" fmla="*/ 930 w 2902"/>
                <a:gd name="T21" fmla="*/ 2209 h 2903"/>
                <a:gd name="T22" fmla="*/ 992 w 2902"/>
                <a:gd name="T23" fmla="*/ 2300 h 2903"/>
                <a:gd name="T24" fmla="*/ 1045 w 2902"/>
                <a:gd name="T25" fmla="*/ 2399 h 2903"/>
                <a:gd name="T26" fmla="*/ 1089 w 2902"/>
                <a:gd name="T27" fmla="*/ 2504 h 2903"/>
                <a:gd name="T28" fmla="*/ 1124 w 2902"/>
                <a:gd name="T29" fmla="*/ 2614 h 2903"/>
                <a:gd name="T30" fmla="*/ 1148 w 2902"/>
                <a:gd name="T31" fmla="*/ 2725 h 2903"/>
                <a:gd name="T32" fmla="*/ 1159 w 2902"/>
                <a:gd name="T33" fmla="*/ 2843 h 2903"/>
                <a:gd name="T34" fmla="*/ 2902 w 2902"/>
                <a:gd name="T35" fmla="*/ 2903 h 2903"/>
                <a:gd name="T36" fmla="*/ 2900 w 2902"/>
                <a:gd name="T37" fmla="*/ 2828 h 2903"/>
                <a:gd name="T38" fmla="*/ 2893 w 2902"/>
                <a:gd name="T39" fmla="*/ 2680 h 2903"/>
                <a:gd name="T40" fmla="*/ 2879 w 2902"/>
                <a:gd name="T41" fmla="*/ 2533 h 2903"/>
                <a:gd name="T42" fmla="*/ 2857 w 2902"/>
                <a:gd name="T43" fmla="*/ 2388 h 2903"/>
                <a:gd name="T44" fmla="*/ 2827 w 2902"/>
                <a:gd name="T45" fmla="*/ 2247 h 2903"/>
                <a:gd name="T46" fmla="*/ 2792 w 2902"/>
                <a:gd name="T47" fmla="*/ 2108 h 2903"/>
                <a:gd name="T48" fmla="*/ 2750 w 2902"/>
                <a:gd name="T49" fmla="*/ 1973 h 2903"/>
                <a:gd name="T50" fmla="*/ 2701 w 2902"/>
                <a:gd name="T51" fmla="*/ 1839 h 2903"/>
                <a:gd name="T52" fmla="*/ 2646 w 2902"/>
                <a:gd name="T53" fmla="*/ 1709 h 2903"/>
                <a:gd name="T54" fmla="*/ 2586 w 2902"/>
                <a:gd name="T55" fmla="*/ 1581 h 2903"/>
                <a:gd name="T56" fmla="*/ 2518 w 2902"/>
                <a:gd name="T57" fmla="*/ 1458 h 2903"/>
                <a:gd name="T58" fmla="*/ 2445 w 2902"/>
                <a:gd name="T59" fmla="*/ 1339 h 2903"/>
                <a:gd name="T60" fmla="*/ 2368 w 2902"/>
                <a:gd name="T61" fmla="*/ 1222 h 2903"/>
                <a:gd name="T62" fmla="*/ 2283 w 2902"/>
                <a:gd name="T63" fmla="*/ 1110 h 2903"/>
                <a:gd name="T64" fmla="*/ 2194 w 2902"/>
                <a:gd name="T65" fmla="*/ 1004 h 2903"/>
                <a:gd name="T66" fmla="*/ 2100 w 2902"/>
                <a:gd name="T67" fmla="*/ 899 h 2903"/>
                <a:gd name="T68" fmla="*/ 2001 w 2902"/>
                <a:gd name="T69" fmla="*/ 800 h 2903"/>
                <a:gd name="T70" fmla="*/ 1899 w 2902"/>
                <a:gd name="T71" fmla="*/ 707 h 2903"/>
                <a:gd name="T72" fmla="*/ 1791 w 2902"/>
                <a:gd name="T73" fmla="*/ 619 h 2903"/>
                <a:gd name="T74" fmla="*/ 1679 w 2902"/>
                <a:gd name="T75" fmla="*/ 535 h 2903"/>
                <a:gd name="T76" fmla="*/ 1564 w 2902"/>
                <a:gd name="T77" fmla="*/ 456 h 2903"/>
                <a:gd name="T78" fmla="*/ 1445 w 2902"/>
                <a:gd name="T79" fmla="*/ 385 h 2903"/>
                <a:gd name="T80" fmla="*/ 1320 w 2902"/>
                <a:gd name="T81" fmla="*/ 317 h 2903"/>
                <a:gd name="T82" fmla="*/ 1194 w 2902"/>
                <a:gd name="T83" fmla="*/ 256 h 2903"/>
                <a:gd name="T84" fmla="*/ 1064 w 2902"/>
                <a:gd name="T85" fmla="*/ 201 h 2903"/>
                <a:gd name="T86" fmla="*/ 930 w 2902"/>
                <a:gd name="T87" fmla="*/ 152 h 2903"/>
                <a:gd name="T88" fmla="*/ 795 w 2902"/>
                <a:gd name="T89" fmla="*/ 110 h 2903"/>
                <a:gd name="T90" fmla="*/ 655 w 2902"/>
                <a:gd name="T91" fmla="*/ 73 h 2903"/>
                <a:gd name="T92" fmla="*/ 512 w 2902"/>
                <a:gd name="T93" fmla="*/ 44 h 2903"/>
                <a:gd name="T94" fmla="*/ 370 w 2902"/>
                <a:gd name="T95" fmla="*/ 22 h 2903"/>
                <a:gd name="T96" fmla="*/ 223 w 2902"/>
                <a:gd name="T97" fmla="*/ 7 h 2903"/>
                <a:gd name="T98" fmla="*/ 75 w 2902"/>
                <a:gd name="T99" fmla="*/ 0 h 2903"/>
                <a:gd name="T100" fmla="*/ 0 w 2902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0" y="0"/>
                  </a:moveTo>
                  <a:lnTo>
                    <a:pt x="0" y="1742"/>
                  </a:lnTo>
                  <a:lnTo>
                    <a:pt x="0" y="1742"/>
                  </a:lnTo>
                  <a:lnTo>
                    <a:pt x="58" y="1744"/>
                  </a:lnTo>
                  <a:lnTo>
                    <a:pt x="119" y="1747"/>
                  </a:lnTo>
                  <a:lnTo>
                    <a:pt x="176" y="1755"/>
                  </a:lnTo>
                  <a:lnTo>
                    <a:pt x="232" y="1766"/>
                  </a:lnTo>
                  <a:lnTo>
                    <a:pt x="289" y="1778"/>
                  </a:lnTo>
                  <a:lnTo>
                    <a:pt x="344" y="1793"/>
                  </a:lnTo>
                  <a:lnTo>
                    <a:pt x="399" y="1811"/>
                  </a:lnTo>
                  <a:lnTo>
                    <a:pt x="452" y="1833"/>
                  </a:lnTo>
                  <a:lnTo>
                    <a:pt x="503" y="1855"/>
                  </a:lnTo>
                  <a:lnTo>
                    <a:pt x="553" y="1881"/>
                  </a:lnTo>
                  <a:lnTo>
                    <a:pt x="602" y="1910"/>
                  </a:lnTo>
                  <a:lnTo>
                    <a:pt x="648" y="1940"/>
                  </a:lnTo>
                  <a:lnTo>
                    <a:pt x="694" y="1973"/>
                  </a:lnTo>
                  <a:lnTo>
                    <a:pt x="738" y="2007"/>
                  </a:lnTo>
                  <a:lnTo>
                    <a:pt x="780" y="2044"/>
                  </a:lnTo>
                  <a:lnTo>
                    <a:pt x="820" y="2082"/>
                  </a:lnTo>
                  <a:lnTo>
                    <a:pt x="859" y="2123"/>
                  </a:lnTo>
                  <a:lnTo>
                    <a:pt x="895" y="2165"/>
                  </a:lnTo>
                  <a:lnTo>
                    <a:pt x="930" y="2209"/>
                  </a:lnTo>
                  <a:lnTo>
                    <a:pt x="963" y="2253"/>
                  </a:lnTo>
                  <a:lnTo>
                    <a:pt x="992" y="2300"/>
                  </a:lnTo>
                  <a:lnTo>
                    <a:pt x="1020" y="2350"/>
                  </a:lnTo>
                  <a:lnTo>
                    <a:pt x="1045" y="2399"/>
                  </a:lnTo>
                  <a:lnTo>
                    <a:pt x="1069" y="2451"/>
                  </a:lnTo>
                  <a:lnTo>
                    <a:pt x="1089" y="2504"/>
                  </a:lnTo>
                  <a:lnTo>
                    <a:pt x="1108" y="2557"/>
                  </a:lnTo>
                  <a:lnTo>
                    <a:pt x="1124" y="2614"/>
                  </a:lnTo>
                  <a:lnTo>
                    <a:pt x="1137" y="2669"/>
                  </a:lnTo>
                  <a:lnTo>
                    <a:pt x="1148" y="2725"/>
                  </a:lnTo>
                  <a:lnTo>
                    <a:pt x="1155" y="2784"/>
                  </a:lnTo>
                  <a:lnTo>
                    <a:pt x="1159" y="2843"/>
                  </a:lnTo>
                  <a:lnTo>
                    <a:pt x="1161" y="2903"/>
                  </a:lnTo>
                  <a:lnTo>
                    <a:pt x="2902" y="2903"/>
                  </a:lnTo>
                  <a:lnTo>
                    <a:pt x="2902" y="2903"/>
                  </a:lnTo>
                  <a:lnTo>
                    <a:pt x="2900" y="2828"/>
                  </a:lnTo>
                  <a:lnTo>
                    <a:pt x="2899" y="2753"/>
                  </a:lnTo>
                  <a:lnTo>
                    <a:pt x="2893" y="2680"/>
                  </a:lnTo>
                  <a:lnTo>
                    <a:pt x="2888" y="2606"/>
                  </a:lnTo>
                  <a:lnTo>
                    <a:pt x="2879" y="2533"/>
                  </a:lnTo>
                  <a:lnTo>
                    <a:pt x="2869" y="2462"/>
                  </a:lnTo>
                  <a:lnTo>
                    <a:pt x="2857" y="2388"/>
                  </a:lnTo>
                  <a:lnTo>
                    <a:pt x="2844" y="2319"/>
                  </a:lnTo>
                  <a:lnTo>
                    <a:pt x="2827" y="2247"/>
                  </a:lnTo>
                  <a:lnTo>
                    <a:pt x="2811" y="2178"/>
                  </a:lnTo>
                  <a:lnTo>
                    <a:pt x="2792" y="2108"/>
                  </a:lnTo>
                  <a:lnTo>
                    <a:pt x="2772" y="2040"/>
                  </a:lnTo>
                  <a:lnTo>
                    <a:pt x="2750" y="1973"/>
                  </a:lnTo>
                  <a:lnTo>
                    <a:pt x="2727" y="1905"/>
                  </a:lnTo>
                  <a:lnTo>
                    <a:pt x="2701" y="1839"/>
                  </a:lnTo>
                  <a:lnTo>
                    <a:pt x="2673" y="1773"/>
                  </a:lnTo>
                  <a:lnTo>
                    <a:pt x="2646" y="1709"/>
                  </a:lnTo>
                  <a:lnTo>
                    <a:pt x="2617" y="1645"/>
                  </a:lnTo>
                  <a:lnTo>
                    <a:pt x="2586" y="1581"/>
                  </a:lnTo>
                  <a:lnTo>
                    <a:pt x="2553" y="1518"/>
                  </a:lnTo>
                  <a:lnTo>
                    <a:pt x="2518" y="1458"/>
                  </a:lnTo>
                  <a:lnTo>
                    <a:pt x="2481" y="1397"/>
                  </a:lnTo>
                  <a:lnTo>
                    <a:pt x="2445" y="1339"/>
                  </a:lnTo>
                  <a:lnTo>
                    <a:pt x="2406" y="1280"/>
                  </a:lnTo>
                  <a:lnTo>
                    <a:pt x="2368" y="1222"/>
                  </a:lnTo>
                  <a:lnTo>
                    <a:pt x="2325" y="1165"/>
                  </a:lnTo>
                  <a:lnTo>
                    <a:pt x="2283" y="1110"/>
                  </a:lnTo>
                  <a:lnTo>
                    <a:pt x="2239" y="1057"/>
                  </a:lnTo>
                  <a:lnTo>
                    <a:pt x="2194" y="1004"/>
                  </a:lnTo>
                  <a:lnTo>
                    <a:pt x="2148" y="951"/>
                  </a:lnTo>
                  <a:lnTo>
                    <a:pt x="2100" y="899"/>
                  </a:lnTo>
                  <a:lnTo>
                    <a:pt x="2053" y="850"/>
                  </a:lnTo>
                  <a:lnTo>
                    <a:pt x="2001" y="800"/>
                  </a:lnTo>
                  <a:lnTo>
                    <a:pt x="1952" y="755"/>
                  </a:lnTo>
                  <a:lnTo>
                    <a:pt x="1899" y="707"/>
                  </a:lnTo>
                  <a:lnTo>
                    <a:pt x="1846" y="663"/>
                  </a:lnTo>
                  <a:lnTo>
                    <a:pt x="1791" y="619"/>
                  </a:lnTo>
                  <a:lnTo>
                    <a:pt x="1736" y="577"/>
                  </a:lnTo>
                  <a:lnTo>
                    <a:pt x="1679" y="535"/>
                  </a:lnTo>
                  <a:lnTo>
                    <a:pt x="1622" y="495"/>
                  </a:lnTo>
                  <a:lnTo>
                    <a:pt x="1564" y="456"/>
                  </a:lnTo>
                  <a:lnTo>
                    <a:pt x="1505" y="419"/>
                  </a:lnTo>
                  <a:lnTo>
                    <a:pt x="1445" y="385"/>
                  </a:lnTo>
                  <a:lnTo>
                    <a:pt x="1382" y="350"/>
                  </a:lnTo>
                  <a:lnTo>
                    <a:pt x="1320" y="317"/>
                  </a:lnTo>
                  <a:lnTo>
                    <a:pt x="1258" y="286"/>
                  </a:lnTo>
                  <a:lnTo>
                    <a:pt x="1194" y="256"/>
                  </a:lnTo>
                  <a:lnTo>
                    <a:pt x="1130" y="227"/>
                  </a:lnTo>
                  <a:lnTo>
                    <a:pt x="1064" y="201"/>
                  </a:lnTo>
                  <a:lnTo>
                    <a:pt x="998" y="176"/>
                  </a:lnTo>
                  <a:lnTo>
                    <a:pt x="930" y="152"/>
                  </a:lnTo>
                  <a:lnTo>
                    <a:pt x="862" y="130"/>
                  </a:lnTo>
                  <a:lnTo>
                    <a:pt x="795" y="110"/>
                  </a:lnTo>
                  <a:lnTo>
                    <a:pt x="725" y="92"/>
                  </a:lnTo>
                  <a:lnTo>
                    <a:pt x="655" y="73"/>
                  </a:lnTo>
                  <a:lnTo>
                    <a:pt x="584" y="59"/>
                  </a:lnTo>
                  <a:lnTo>
                    <a:pt x="512" y="44"/>
                  </a:lnTo>
                  <a:lnTo>
                    <a:pt x="441" y="33"/>
                  </a:lnTo>
                  <a:lnTo>
                    <a:pt x="370" y="22"/>
                  </a:lnTo>
                  <a:lnTo>
                    <a:pt x="296" y="15"/>
                  </a:lnTo>
                  <a:lnTo>
                    <a:pt x="223" y="7"/>
                  </a:lnTo>
                  <a:lnTo>
                    <a:pt x="148" y="4"/>
                  </a:lnTo>
                  <a:lnTo>
                    <a:pt x="75" y="0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66" name="Freeform: Shape 15"/>
            <p:cNvSpPr/>
            <p:nvPr/>
          </p:nvSpPr>
          <p:spPr bwMode="auto">
            <a:xfrm>
              <a:off x="7200800" y="3744762"/>
              <a:ext cx="1575298" cy="1574212"/>
            </a:xfrm>
            <a:custGeom>
              <a:avLst/>
              <a:gdLst>
                <a:gd name="T0" fmla="*/ 0 w 2902"/>
                <a:gd name="T1" fmla="*/ 2903 h 2903"/>
                <a:gd name="T2" fmla="*/ 75 w 2902"/>
                <a:gd name="T3" fmla="*/ 2903 h 2903"/>
                <a:gd name="T4" fmla="*/ 223 w 2902"/>
                <a:gd name="T5" fmla="*/ 2896 h 2903"/>
                <a:gd name="T6" fmla="*/ 370 w 2902"/>
                <a:gd name="T7" fmla="*/ 2881 h 2903"/>
                <a:gd name="T8" fmla="*/ 512 w 2902"/>
                <a:gd name="T9" fmla="*/ 2859 h 2903"/>
                <a:gd name="T10" fmla="*/ 655 w 2902"/>
                <a:gd name="T11" fmla="*/ 2830 h 2903"/>
                <a:gd name="T12" fmla="*/ 795 w 2902"/>
                <a:gd name="T13" fmla="*/ 2793 h 2903"/>
                <a:gd name="T14" fmla="*/ 930 w 2902"/>
                <a:gd name="T15" fmla="*/ 2751 h 2903"/>
                <a:gd name="T16" fmla="*/ 1064 w 2902"/>
                <a:gd name="T17" fmla="*/ 2702 h 2903"/>
                <a:gd name="T18" fmla="*/ 1194 w 2902"/>
                <a:gd name="T19" fmla="*/ 2647 h 2903"/>
                <a:gd name="T20" fmla="*/ 1320 w 2902"/>
                <a:gd name="T21" fmla="*/ 2586 h 2903"/>
                <a:gd name="T22" fmla="*/ 1445 w 2902"/>
                <a:gd name="T23" fmla="*/ 2518 h 2903"/>
                <a:gd name="T24" fmla="*/ 1564 w 2902"/>
                <a:gd name="T25" fmla="*/ 2447 h 2903"/>
                <a:gd name="T26" fmla="*/ 1679 w 2902"/>
                <a:gd name="T27" fmla="*/ 2368 h 2903"/>
                <a:gd name="T28" fmla="*/ 1791 w 2902"/>
                <a:gd name="T29" fmla="*/ 2284 h 2903"/>
                <a:gd name="T30" fmla="*/ 1899 w 2902"/>
                <a:gd name="T31" fmla="*/ 2196 h 2903"/>
                <a:gd name="T32" fmla="*/ 2001 w 2902"/>
                <a:gd name="T33" fmla="*/ 2103 h 2903"/>
                <a:gd name="T34" fmla="*/ 2100 w 2902"/>
                <a:gd name="T35" fmla="*/ 2004 h 2903"/>
                <a:gd name="T36" fmla="*/ 2194 w 2902"/>
                <a:gd name="T37" fmla="*/ 1899 h 2903"/>
                <a:gd name="T38" fmla="*/ 2283 w 2902"/>
                <a:gd name="T39" fmla="*/ 1793 h 2903"/>
                <a:gd name="T40" fmla="*/ 2368 w 2902"/>
                <a:gd name="T41" fmla="*/ 1681 h 2903"/>
                <a:gd name="T42" fmla="*/ 2445 w 2902"/>
                <a:gd name="T43" fmla="*/ 1564 h 2903"/>
                <a:gd name="T44" fmla="*/ 2518 w 2902"/>
                <a:gd name="T45" fmla="*/ 1445 h 2903"/>
                <a:gd name="T46" fmla="*/ 2586 w 2902"/>
                <a:gd name="T47" fmla="*/ 1322 h 2903"/>
                <a:gd name="T48" fmla="*/ 2646 w 2902"/>
                <a:gd name="T49" fmla="*/ 1194 h 2903"/>
                <a:gd name="T50" fmla="*/ 2701 w 2902"/>
                <a:gd name="T51" fmla="*/ 1064 h 2903"/>
                <a:gd name="T52" fmla="*/ 2750 w 2902"/>
                <a:gd name="T53" fmla="*/ 930 h 2903"/>
                <a:gd name="T54" fmla="*/ 2792 w 2902"/>
                <a:gd name="T55" fmla="*/ 795 h 2903"/>
                <a:gd name="T56" fmla="*/ 2827 w 2902"/>
                <a:gd name="T57" fmla="*/ 656 h 2903"/>
                <a:gd name="T58" fmla="*/ 2857 w 2902"/>
                <a:gd name="T59" fmla="*/ 515 h 2903"/>
                <a:gd name="T60" fmla="*/ 2879 w 2902"/>
                <a:gd name="T61" fmla="*/ 370 h 2903"/>
                <a:gd name="T62" fmla="*/ 2893 w 2902"/>
                <a:gd name="T63" fmla="*/ 223 h 2903"/>
                <a:gd name="T64" fmla="*/ 2900 w 2902"/>
                <a:gd name="T65" fmla="*/ 75 h 2903"/>
                <a:gd name="T66" fmla="*/ 1161 w 2902"/>
                <a:gd name="T67" fmla="*/ 0 h 2903"/>
                <a:gd name="T68" fmla="*/ 1159 w 2902"/>
                <a:gd name="T69" fmla="*/ 60 h 2903"/>
                <a:gd name="T70" fmla="*/ 1148 w 2902"/>
                <a:gd name="T71" fmla="*/ 178 h 2903"/>
                <a:gd name="T72" fmla="*/ 1124 w 2902"/>
                <a:gd name="T73" fmla="*/ 289 h 2903"/>
                <a:gd name="T74" fmla="*/ 1089 w 2902"/>
                <a:gd name="T75" fmla="*/ 399 h 2903"/>
                <a:gd name="T76" fmla="*/ 1045 w 2902"/>
                <a:gd name="T77" fmla="*/ 504 h 2903"/>
                <a:gd name="T78" fmla="*/ 992 w 2902"/>
                <a:gd name="T79" fmla="*/ 603 h 2903"/>
                <a:gd name="T80" fmla="*/ 930 w 2902"/>
                <a:gd name="T81" fmla="*/ 694 h 2903"/>
                <a:gd name="T82" fmla="*/ 859 w 2902"/>
                <a:gd name="T83" fmla="*/ 780 h 2903"/>
                <a:gd name="T84" fmla="*/ 780 w 2902"/>
                <a:gd name="T85" fmla="*/ 859 h 2903"/>
                <a:gd name="T86" fmla="*/ 694 w 2902"/>
                <a:gd name="T87" fmla="*/ 930 h 2903"/>
                <a:gd name="T88" fmla="*/ 602 w 2902"/>
                <a:gd name="T89" fmla="*/ 993 h 2903"/>
                <a:gd name="T90" fmla="*/ 503 w 2902"/>
                <a:gd name="T91" fmla="*/ 1048 h 2903"/>
                <a:gd name="T92" fmla="*/ 399 w 2902"/>
                <a:gd name="T93" fmla="*/ 1092 h 2903"/>
                <a:gd name="T94" fmla="*/ 289 w 2902"/>
                <a:gd name="T95" fmla="*/ 1125 h 2903"/>
                <a:gd name="T96" fmla="*/ 176 w 2902"/>
                <a:gd name="T97" fmla="*/ 1148 h 2903"/>
                <a:gd name="T98" fmla="*/ 58 w 2902"/>
                <a:gd name="T99" fmla="*/ 1159 h 2903"/>
                <a:gd name="T100" fmla="*/ 0 w 2902"/>
                <a:gd name="T101" fmla="*/ 1161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0" y="1161"/>
                  </a:moveTo>
                  <a:lnTo>
                    <a:pt x="0" y="2903"/>
                  </a:lnTo>
                  <a:lnTo>
                    <a:pt x="0" y="2903"/>
                  </a:lnTo>
                  <a:lnTo>
                    <a:pt x="75" y="2903"/>
                  </a:lnTo>
                  <a:lnTo>
                    <a:pt x="148" y="2899"/>
                  </a:lnTo>
                  <a:lnTo>
                    <a:pt x="223" y="2896"/>
                  </a:lnTo>
                  <a:lnTo>
                    <a:pt x="296" y="2888"/>
                  </a:lnTo>
                  <a:lnTo>
                    <a:pt x="370" y="2881"/>
                  </a:lnTo>
                  <a:lnTo>
                    <a:pt x="441" y="2870"/>
                  </a:lnTo>
                  <a:lnTo>
                    <a:pt x="512" y="2859"/>
                  </a:lnTo>
                  <a:lnTo>
                    <a:pt x="584" y="2844"/>
                  </a:lnTo>
                  <a:lnTo>
                    <a:pt x="655" y="2830"/>
                  </a:lnTo>
                  <a:lnTo>
                    <a:pt x="725" y="2811"/>
                  </a:lnTo>
                  <a:lnTo>
                    <a:pt x="795" y="2793"/>
                  </a:lnTo>
                  <a:lnTo>
                    <a:pt x="862" y="2773"/>
                  </a:lnTo>
                  <a:lnTo>
                    <a:pt x="930" y="2751"/>
                  </a:lnTo>
                  <a:lnTo>
                    <a:pt x="998" y="2727"/>
                  </a:lnTo>
                  <a:lnTo>
                    <a:pt x="1064" y="2702"/>
                  </a:lnTo>
                  <a:lnTo>
                    <a:pt x="1130" y="2676"/>
                  </a:lnTo>
                  <a:lnTo>
                    <a:pt x="1194" y="2647"/>
                  </a:lnTo>
                  <a:lnTo>
                    <a:pt x="1258" y="2617"/>
                  </a:lnTo>
                  <a:lnTo>
                    <a:pt x="1320" y="2586"/>
                  </a:lnTo>
                  <a:lnTo>
                    <a:pt x="1382" y="2553"/>
                  </a:lnTo>
                  <a:lnTo>
                    <a:pt x="1445" y="2518"/>
                  </a:lnTo>
                  <a:lnTo>
                    <a:pt x="1505" y="2484"/>
                  </a:lnTo>
                  <a:lnTo>
                    <a:pt x="1564" y="2447"/>
                  </a:lnTo>
                  <a:lnTo>
                    <a:pt x="1622" y="2408"/>
                  </a:lnTo>
                  <a:lnTo>
                    <a:pt x="1679" y="2368"/>
                  </a:lnTo>
                  <a:lnTo>
                    <a:pt x="1736" y="2326"/>
                  </a:lnTo>
                  <a:lnTo>
                    <a:pt x="1791" y="2284"/>
                  </a:lnTo>
                  <a:lnTo>
                    <a:pt x="1846" y="2240"/>
                  </a:lnTo>
                  <a:lnTo>
                    <a:pt x="1899" y="2196"/>
                  </a:lnTo>
                  <a:lnTo>
                    <a:pt x="1952" y="2148"/>
                  </a:lnTo>
                  <a:lnTo>
                    <a:pt x="2001" y="2103"/>
                  </a:lnTo>
                  <a:lnTo>
                    <a:pt x="2053" y="2053"/>
                  </a:lnTo>
                  <a:lnTo>
                    <a:pt x="2100" y="2004"/>
                  </a:lnTo>
                  <a:lnTo>
                    <a:pt x="2148" y="1952"/>
                  </a:lnTo>
                  <a:lnTo>
                    <a:pt x="2194" y="1899"/>
                  </a:lnTo>
                  <a:lnTo>
                    <a:pt x="2239" y="1846"/>
                  </a:lnTo>
                  <a:lnTo>
                    <a:pt x="2283" y="1793"/>
                  </a:lnTo>
                  <a:lnTo>
                    <a:pt x="2325" y="1738"/>
                  </a:lnTo>
                  <a:lnTo>
                    <a:pt x="2368" y="1681"/>
                  </a:lnTo>
                  <a:lnTo>
                    <a:pt x="2406" y="1623"/>
                  </a:lnTo>
                  <a:lnTo>
                    <a:pt x="2445" y="1564"/>
                  </a:lnTo>
                  <a:lnTo>
                    <a:pt x="2481" y="1506"/>
                  </a:lnTo>
                  <a:lnTo>
                    <a:pt x="2518" y="1445"/>
                  </a:lnTo>
                  <a:lnTo>
                    <a:pt x="2553" y="1385"/>
                  </a:lnTo>
                  <a:lnTo>
                    <a:pt x="2586" y="1322"/>
                  </a:lnTo>
                  <a:lnTo>
                    <a:pt x="2617" y="1258"/>
                  </a:lnTo>
                  <a:lnTo>
                    <a:pt x="2646" y="1194"/>
                  </a:lnTo>
                  <a:lnTo>
                    <a:pt x="2673" y="1130"/>
                  </a:lnTo>
                  <a:lnTo>
                    <a:pt x="2701" y="1064"/>
                  </a:lnTo>
                  <a:lnTo>
                    <a:pt x="2727" y="998"/>
                  </a:lnTo>
                  <a:lnTo>
                    <a:pt x="2750" y="930"/>
                  </a:lnTo>
                  <a:lnTo>
                    <a:pt x="2772" y="863"/>
                  </a:lnTo>
                  <a:lnTo>
                    <a:pt x="2792" y="795"/>
                  </a:lnTo>
                  <a:lnTo>
                    <a:pt x="2811" y="725"/>
                  </a:lnTo>
                  <a:lnTo>
                    <a:pt x="2827" y="656"/>
                  </a:lnTo>
                  <a:lnTo>
                    <a:pt x="2844" y="584"/>
                  </a:lnTo>
                  <a:lnTo>
                    <a:pt x="2857" y="515"/>
                  </a:lnTo>
                  <a:lnTo>
                    <a:pt x="2869" y="441"/>
                  </a:lnTo>
                  <a:lnTo>
                    <a:pt x="2879" y="370"/>
                  </a:lnTo>
                  <a:lnTo>
                    <a:pt x="2888" y="297"/>
                  </a:lnTo>
                  <a:lnTo>
                    <a:pt x="2893" y="223"/>
                  </a:lnTo>
                  <a:lnTo>
                    <a:pt x="2899" y="150"/>
                  </a:lnTo>
                  <a:lnTo>
                    <a:pt x="2900" y="75"/>
                  </a:lnTo>
                  <a:lnTo>
                    <a:pt x="2902" y="0"/>
                  </a:lnTo>
                  <a:lnTo>
                    <a:pt x="1161" y="0"/>
                  </a:lnTo>
                  <a:lnTo>
                    <a:pt x="1161" y="0"/>
                  </a:lnTo>
                  <a:lnTo>
                    <a:pt x="1159" y="60"/>
                  </a:lnTo>
                  <a:lnTo>
                    <a:pt x="1155" y="119"/>
                  </a:lnTo>
                  <a:lnTo>
                    <a:pt x="1148" y="178"/>
                  </a:lnTo>
                  <a:lnTo>
                    <a:pt x="1137" y="234"/>
                  </a:lnTo>
                  <a:lnTo>
                    <a:pt x="1124" y="289"/>
                  </a:lnTo>
                  <a:lnTo>
                    <a:pt x="1108" y="346"/>
                  </a:lnTo>
                  <a:lnTo>
                    <a:pt x="1089" y="399"/>
                  </a:lnTo>
                  <a:lnTo>
                    <a:pt x="1069" y="452"/>
                  </a:lnTo>
                  <a:lnTo>
                    <a:pt x="1045" y="504"/>
                  </a:lnTo>
                  <a:lnTo>
                    <a:pt x="1020" y="553"/>
                  </a:lnTo>
                  <a:lnTo>
                    <a:pt x="992" y="603"/>
                  </a:lnTo>
                  <a:lnTo>
                    <a:pt x="963" y="650"/>
                  </a:lnTo>
                  <a:lnTo>
                    <a:pt x="930" y="694"/>
                  </a:lnTo>
                  <a:lnTo>
                    <a:pt x="895" y="738"/>
                  </a:lnTo>
                  <a:lnTo>
                    <a:pt x="859" y="780"/>
                  </a:lnTo>
                  <a:lnTo>
                    <a:pt x="820" y="821"/>
                  </a:lnTo>
                  <a:lnTo>
                    <a:pt x="780" y="859"/>
                  </a:lnTo>
                  <a:lnTo>
                    <a:pt x="738" y="896"/>
                  </a:lnTo>
                  <a:lnTo>
                    <a:pt x="694" y="930"/>
                  </a:lnTo>
                  <a:lnTo>
                    <a:pt x="648" y="963"/>
                  </a:lnTo>
                  <a:lnTo>
                    <a:pt x="602" y="993"/>
                  </a:lnTo>
                  <a:lnTo>
                    <a:pt x="553" y="1022"/>
                  </a:lnTo>
                  <a:lnTo>
                    <a:pt x="503" y="1048"/>
                  </a:lnTo>
                  <a:lnTo>
                    <a:pt x="452" y="1070"/>
                  </a:lnTo>
                  <a:lnTo>
                    <a:pt x="399" y="1092"/>
                  </a:lnTo>
                  <a:lnTo>
                    <a:pt x="344" y="1110"/>
                  </a:lnTo>
                  <a:lnTo>
                    <a:pt x="289" y="1125"/>
                  </a:lnTo>
                  <a:lnTo>
                    <a:pt x="232" y="1137"/>
                  </a:lnTo>
                  <a:lnTo>
                    <a:pt x="176" y="1148"/>
                  </a:lnTo>
                  <a:lnTo>
                    <a:pt x="119" y="1156"/>
                  </a:lnTo>
                  <a:lnTo>
                    <a:pt x="58" y="1159"/>
                  </a:lnTo>
                  <a:lnTo>
                    <a:pt x="0" y="1161"/>
                  </a:lnTo>
                  <a:lnTo>
                    <a:pt x="0" y="1161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67" name="Freeform: Shape 16"/>
            <p:cNvSpPr/>
            <p:nvPr/>
          </p:nvSpPr>
          <p:spPr bwMode="auto">
            <a:xfrm>
              <a:off x="3420954" y="2169467"/>
              <a:ext cx="1575298" cy="1575295"/>
            </a:xfrm>
            <a:custGeom>
              <a:avLst/>
              <a:gdLst>
                <a:gd name="T0" fmla="*/ 2902 w 2902"/>
                <a:gd name="T1" fmla="*/ 0 h 2903"/>
                <a:gd name="T2" fmla="*/ 2827 w 2902"/>
                <a:gd name="T3" fmla="*/ 0 h 2903"/>
                <a:gd name="T4" fmla="*/ 2679 w 2902"/>
                <a:gd name="T5" fmla="*/ 7 h 2903"/>
                <a:gd name="T6" fmla="*/ 2532 w 2902"/>
                <a:gd name="T7" fmla="*/ 22 h 2903"/>
                <a:gd name="T8" fmla="*/ 2390 w 2902"/>
                <a:gd name="T9" fmla="*/ 44 h 2903"/>
                <a:gd name="T10" fmla="*/ 2247 w 2902"/>
                <a:gd name="T11" fmla="*/ 73 h 2903"/>
                <a:gd name="T12" fmla="*/ 2107 w 2902"/>
                <a:gd name="T13" fmla="*/ 110 h 2903"/>
                <a:gd name="T14" fmla="*/ 1972 w 2902"/>
                <a:gd name="T15" fmla="*/ 152 h 2903"/>
                <a:gd name="T16" fmla="*/ 1838 w 2902"/>
                <a:gd name="T17" fmla="*/ 201 h 2903"/>
                <a:gd name="T18" fmla="*/ 1708 w 2902"/>
                <a:gd name="T19" fmla="*/ 256 h 2903"/>
                <a:gd name="T20" fmla="*/ 1582 w 2902"/>
                <a:gd name="T21" fmla="*/ 317 h 2903"/>
                <a:gd name="T22" fmla="*/ 1457 w 2902"/>
                <a:gd name="T23" fmla="*/ 385 h 2903"/>
                <a:gd name="T24" fmla="*/ 1338 w 2902"/>
                <a:gd name="T25" fmla="*/ 456 h 2903"/>
                <a:gd name="T26" fmla="*/ 1223 w 2902"/>
                <a:gd name="T27" fmla="*/ 535 h 2903"/>
                <a:gd name="T28" fmla="*/ 1111 w 2902"/>
                <a:gd name="T29" fmla="*/ 619 h 2903"/>
                <a:gd name="T30" fmla="*/ 1003 w 2902"/>
                <a:gd name="T31" fmla="*/ 707 h 2903"/>
                <a:gd name="T32" fmla="*/ 901 w 2902"/>
                <a:gd name="T33" fmla="*/ 800 h 2903"/>
                <a:gd name="T34" fmla="*/ 802 w 2902"/>
                <a:gd name="T35" fmla="*/ 899 h 2903"/>
                <a:gd name="T36" fmla="*/ 708 w 2902"/>
                <a:gd name="T37" fmla="*/ 1004 h 2903"/>
                <a:gd name="T38" fmla="*/ 619 w 2902"/>
                <a:gd name="T39" fmla="*/ 1110 h 2903"/>
                <a:gd name="T40" fmla="*/ 534 w 2902"/>
                <a:gd name="T41" fmla="*/ 1222 h 2903"/>
                <a:gd name="T42" fmla="*/ 457 w 2902"/>
                <a:gd name="T43" fmla="*/ 1339 h 2903"/>
                <a:gd name="T44" fmla="*/ 384 w 2902"/>
                <a:gd name="T45" fmla="*/ 1458 h 2903"/>
                <a:gd name="T46" fmla="*/ 316 w 2902"/>
                <a:gd name="T47" fmla="*/ 1581 h 2903"/>
                <a:gd name="T48" fmla="*/ 256 w 2902"/>
                <a:gd name="T49" fmla="*/ 1709 h 2903"/>
                <a:gd name="T50" fmla="*/ 201 w 2902"/>
                <a:gd name="T51" fmla="*/ 1839 h 2903"/>
                <a:gd name="T52" fmla="*/ 152 w 2902"/>
                <a:gd name="T53" fmla="*/ 1973 h 2903"/>
                <a:gd name="T54" fmla="*/ 110 w 2902"/>
                <a:gd name="T55" fmla="*/ 2108 h 2903"/>
                <a:gd name="T56" fmla="*/ 75 w 2902"/>
                <a:gd name="T57" fmla="*/ 2247 h 2903"/>
                <a:gd name="T58" fmla="*/ 45 w 2902"/>
                <a:gd name="T59" fmla="*/ 2388 h 2903"/>
                <a:gd name="T60" fmla="*/ 23 w 2902"/>
                <a:gd name="T61" fmla="*/ 2533 h 2903"/>
                <a:gd name="T62" fmla="*/ 9 w 2902"/>
                <a:gd name="T63" fmla="*/ 2680 h 2903"/>
                <a:gd name="T64" fmla="*/ 2 w 2902"/>
                <a:gd name="T65" fmla="*/ 2828 h 2903"/>
                <a:gd name="T66" fmla="*/ 1741 w 2902"/>
                <a:gd name="T67" fmla="*/ 2903 h 2903"/>
                <a:gd name="T68" fmla="*/ 1743 w 2902"/>
                <a:gd name="T69" fmla="*/ 2843 h 2903"/>
                <a:gd name="T70" fmla="*/ 1754 w 2902"/>
                <a:gd name="T71" fmla="*/ 2725 h 2903"/>
                <a:gd name="T72" fmla="*/ 1778 w 2902"/>
                <a:gd name="T73" fmla="*/ 2614 h 2903"/>
                <a:gd name="T74" fmla="*/ 1813 w 2902"/>
                <a:gd name="T75" fmla="*/ 2504 h 2903"/>
                <a:gd name="T76" fmla="*/ 1857 w 2902"/>
                <a:gd name="T77" fmla="*/ 2399 h 2903"/>
                <a:gd name="T78" fmla="*/ 1910 w 2902"/>
                <a:gd name="T79" fmla="*/ 2300 h 2903"/>
                <a:gd name="T80" fmla="*/ 1972 w 2902"/>
                <a:gd name="T81" fmla="*/ 2209 h 2903"/>
                <a:gd name="T82" fmla="*/ 2043 w 2902"/>
                <a:gd name="T83" fmla="*/ 2123 h 2903"/>
                <a:gd name="T84" fmla="*/ 2122 w 2902"/>
                <a:gd name="T85" fmla="*/ 2044 h 2903"/>
                <a:gd name="T86" fmla="*/ 2208 w 2902"/>
                <a:gd name="T87" fmla="*/ 1973 h 2903"/>
                <a:gd name="T88" fmla="*/ 2300 w 2902"/>
                <a:gd name="T89" fmla="*/ 1910 h 2903"/>
                <a:gd name="T90" fmla="*/ 2399 w 2902"/>
                <a:gd name="T91" fmla="*/ 1855 h 2903"/>
                <a:gd name="T92" fmla="*/ 2503 w 2902"/>
                <a:gd name="T93" fmla="*/ 1811 h 2903"/>
                <a:gd name="T94" fmla="*/ 2613 w 2902"/>
                <a:gd name="T95" fmla="*/ 1778 h 2903"/>
                <a:gd name="T96" fmla="*/ 2726 w 2902"/>
                <a:gd name="T97" fmla="*/ 1755 h 2903"/>
                <a:gd name="T98" fmla="*/ 2844 w 2902"/>
                <a:gd name="T99" fmla="*/ 1744 h 2903"/>
                <a:gd name="T100" fmla="*/ 2902 w 2902"/>
                <a:gd name="T101" fmla="*/ 1742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2902" y="1742"/>
                  </a:moveTo>
                  <a:lnTo>
                    <a:pt x="2902" y="0"/>
                  </a:lnTo>
                  <a:lnTo>
                    <a:pt x="2902" y="0"/>
                  </a:lnTo>
                  <a:lnTo>
                    <a:pt x="2827" y="0"/>
                  </a:lnTo>
                  <a:lnTo>
                    <a:pt x="2754" y="4"/>
                  </a:lnTo>
                  <a:lnTo>
                    <a:pt x="2679" y="7"/>
                  </a:lnTo>
                  <a:lnTo>
                    <a:pt x="2606" y="15"/>
                  </a:lnTo>
                  <a:lnTo>
                    <a:pt x="2532" y="22"/>
                  </a:lnTo>
                  <a:lnTo>
                    <a:pt x="2461" y="33"/>
                  </a:lnTo>
                  <a:lnTo>
                    <a:pt x="2390" y="44"/>
                  </a:lnTo>
                  <a:lnTo>
                    <a:pt x="2318" y="59"/>
                  </a:lnTo>
                  <a:lnTo>
                    <a:pt x="2247" y="73"/>
                  </a:lnTo>
                  <a:lnTo>
                    <a:pt x="2177" y="92"/>
                  </a:lnTo>
                  <a:lnTo>
                    <a:pt x="2107" y="110"/>
                  </a:lnTo>
                  <a:lnTo>
                    <a:pt x="2040" y="130"/>
                  </a:lnTo>
                  <a:lnTo>
                    <a:pt x="1972" y="152"/>
                  </a:lnTo>
                  <a:lnTo>
                    <a:pt x="1904" y="176"/>
                  </a:lnTo>
                  <a:lnTo>
                    <a:pt x="1838" y="201"/>
                  </a:lnTo>
                  <a:lnTo>
                    <a:pt x="1772" y="227"/>
                  </a:lnTo>
                  <a:lnTo>
                    <a:pt x="1708" y="256"/>
                  </a:lnTo>
                  <a:lnTo>
                    <a:pt x="1644" y="286"/>
                  </a:lnTo>
                  <a:lnTo>
                    <a:pt x="1582" y="317"/>
                  </a:lnTo>
                  <a:lnTo>
                    <a:pt x="1520" y="350"/>
                  </a:lnTo>
                  <a:lnTo>
                    <a:pt x="1457" y="385"/>
                  </a:lnTo>
                  <a:lnTo>
                    <a:pt x="1397" y="419"/>
                  </a:lnTo>
                  <a:lnTo>
                    <a:pt x="1338" y="456"/>
                  </a:lnTo>
                  <a:lnTo>
                    <a:pt x="1280" y="495"/>
                  </a:lnTo>
                  <a:lnTo>
                    <a:pt x="1223" y="535"/>
                  </a:lnTo>
                  <a:lnTo>
                    <a:pt x="1166" y="577"/>
                  </a:lnTo>
                  <a:lnTo>
                    <a:pt x="1111" y="619"/>
                  </a:lnTo>
                  <a:lnTo>
                    <a:pt x="1056" y="663"/>
                  </a:lnTo>
                  <a:lnTo>
                    <a:pt x="1003" y="707"/>
                  </a:lnTo>
                  <a:lnTo>
                    <a:pt x="950" y="755"/>
                  </a:lnTo>
                  <a:lnTo>
                    <a:pt x="901" y="800"/>
                  </a:lnTo>
                  <a:lnTo>
                    <a:pt x="849" y="850"/>
                  </a:lnTo>
                  <a:lnTo>
                    <a:pt x="802" y="899"/>
                  </a:lnTo>
                  <a:lnTo>
                    <a:pt x="754" y="951"/>
                  </a:lnTo>
                  <a:lnTo>
                    <a:pt x="708" y="1004"/>
                  </a:lnTo>
                  <a:lnTo>
                    <a:pt x="663" y="1057"/>
                  </a:lnTo>
                  <a:lnTo>
                    <a:pt x="619" y="1110"/>
                  </a:lnTo>
                  <a:lnTo>
                    <a:pt x="577" y="1165"/>
                  </a:lnTo>
                  <a:lnTo>
                    <a:pt x="534" y="1222"/>
                  </a:lnTo>
                  <a:lnTo>
                    <a:pt x="496" y="1280"/>
                  </a:lnTo>
                  <a:lnTo>
                    <a:pt x="457" y="1339"/>
                  </a:lnTo>
                  <a:lnTo>
                    <a:pt x="421" y="1397"/>
                  </a:lnTo>
                  <a:lnTo>
                    <a:pt x="384" y="1458"/>
                  </a:lnTo>
                  <a:lnTo>
                    <a:pt x="349" y="1518"/>
                  </a:lnTo>
                  <a:lnTo>
                    <a:pt x="316" y="1581"/>
                  </a:lnTo>
                  <a:lnTo>
                    <a:pt x="285" y="1645"/>
                  </a:lnTo>
                  <a:lnTo>
                    <a:pt x="256" y="1709"/>
                  </a:lnTo>
                  <a:lnTo>
                    <a:pt x="229" y="1773"/>
                  </a:lnTo>
                  <a:lnTo>
                    <a:pt x="201" y="1839"/>
                  </a:lnTo>
                  <a:lnTo>
                    <a:pt x="175" y="1905"/>
                  </a:lnTo>
                  <a:lnTo>
                    <a:pt x="152" y="1973"/>
                  </a:lnTo>
                  <a:lnTo>
                    <a:pt x="130" y="2040"/>
                  </a:lnTo>
                  <a:lnTo>
                    <a:pt x="110" y="2108"/>
                  </a:lnTo>
                  <a:lnTo>
                    <a:pt x="91" y="2178"/>
                  </a:lnTo>
                  <a:lnTo>
                    <a:pt x="75" y="2247"/>
                  </a:lnTo>
                  <a:lnTo>
                    <a:pt x="58" y="2319"/>
                  </a:lnTo>
                  <a:lnTo>
                    <a:pt x="45" y="2388"/>
                  </a:lnTo>
                  <a:lnTo>
                    <a:pt x="33" y="2462"/>
                  </a:lnTo>
                  <a:lnTo>
                    <a:pt x="23" y="2533"/>
                  </a:lnTo>
                  <a:lnTo>
                    <a:pt x="14" y="2606"/>
                  </a:lnTo>
                  <a:lnTo>
                    <a:pt x="9" y="2680"/>
                  </a:lnTo>
                  <a:lnTo>
                    <a:pt x="3" y="2753"/>
                  </a:lnTo>
                  <a:lnTo>
                    <a:pt x="2" y="2828"/>
                  </a:lnTo>
                  <a:lnTo>
                    <a:pt x="0" y="2903"/>
                  </a:lnTo>
                  <a:lnTo>
                    <a:pt x="1741" y="2903"/>
                  </a:lnTo>
                  <a:lnTo>
                    <a:pt x="1741" y="2903"/>
                  </a:lnTo>
                  <a:lnTo>
                    <a:pt x="1743" y="2843"/>
                  </a:lnTo>
                  <a:lnTo>
                    <a:pt x="1747" y="2784"/>
                  </a:lnTo>
                  <a:lnTo>
                    <a:pt x="1754" y="2725"/>
                  </a:lnTo>
                  <a:lnTo>
                    <a:pt x="1765" y="2669"/>
                  </a:lnTo>
                  <a:lnTo>
                    <a:pt x="1778" y="2614"/>
                  </a:lnTo>
                  <a:lnTo>
                    <a:pt x="1794" y="2557"/>
                  </a:lnTo>
                  <a:lnTo>
                    <a:pt x="1813" y="2504"/>
                  </a:lnTo>
                  <a:lnTo>
                    <a:pt x="1833" y="2451"/>
                  </a:lnTo>
                  <a:lnTo>
                    <a:pt x="1857" y="2399"/>
                  </a:lnTo>
                  <a:lnTo>
                    <a:pt x="1882" y="2350"/>
                  </a:lnTo>
                  <a:lnTo>
                    <a:pt x="1910" y="2300"/>
                  </a:lnTo>
                  <a:lnTo>
                    <a:pt x="1939" y="2253"/>
                  </a:lnTo>
                  <a:lnTo>
                    <a:pt x="1972" y="2209"/>
                  </a:lnTo>
                  <a:lnTo>
                    <a:pt x="2007" y="2165"/>
                  </a:lnTo>
                  <a:lnTo>
                    <a:pt x="2043" y="2123"/>
                  </a:lnTo>
                  <a:lnTo>
                    <a:pt x="2082" y="2082"/>
                  </a:lnTo>
                  <a:lnTo>
                    <a:pt x="2122" y="2044"/>
                  </a:lnTo>
                  <a:lnTo>
                    <a:pt x="2164" y="2007"/>
                  </a:lnTo>
                  <a:lnTo>
                    <a:pt x="2208" y="1973"/>
                  </a:lnTo>
                  <a:lnTo>
                    <a:pt x="2254" y="1940"/>
                  </a:lnTo>
                  <a:lnTo>
                    <a:pt x="2300" y="1910"/>
                  </a:lnTo>
                  <a:lnTo>
                    <a:pt x="2349" y="1881"/>
                  </a:lnTo>
                  <a:lnTo>
                    <a:pt x="2399" y="1855"/>
                  </a:lnTo>
                  <a:lnTo>
                    <a:pt x="2450" y="1833"/>
                  </a:lnTo>
                  <a:lnTo>
                    <a:pt x="2503" y="1811"/>
                  </a:lnTo>
                  <a:lnTo>
                    <a:pt x="2558" y="1793"/>
                  </a:lnTo>
                  <a:lnTo>
                    <a:pt x="2613" y="1778"/>
                  </a:lnTo>
                  <a:lnTo>
                    <a:pt x="2670" y="1766"/>
                  </a:lnTo>
                  <a:lnTo>
                    <a:pt x="2726" y="1755"/>
                  </a:lnTo>
                  <a:lnTo>
                    <a:pt x="2783" y="1747"/>
                  </a:lnTo>
                  <a:lnTo>
                    <a:pt x="2844" y="1744"/>
                  </a:lnTo>
                  <a:lnTo>
                    <a:pt x="2902" y="1742"/>
                  </a:lnTo>
                  <a:lnTo>
                    <a:pt x="2902" y="1742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68" name="Freeform: Shape 17"/>
            <p:cNvSpPr/>
            <p:nvPr/>
          </p:nvSpPr>
          <p:spPr bwMode="auto">
            <a:xfrm>
              <a:off x="4996252" y="3744762"/>
              <a:ext cx="1575298" cy="1574212"/>
            </a:xfrm>
            <a:custGeom>
              <a:avLst/>
              <a:gdLst>
                <a:gd name="T0" fmla="*/ 0 w 2905"/>
                <a:gd name="T1" fmla="*/ 2903 h 2903"/>
                <a:gd name="T2" fmla="*/ 75 w 2905"/>
                <a:gd name="T3" fmla="*/ 2903 h 2903"/>
                <a:gd name="T4" fmla="*/ 224 w 2905"/>
                <a:gd name="T5" fmla="*/ 2896 h 2903"/>
                <a:gd name="T6" fmla="*/ 370 w 2905"/>
                <a:gd name="T7" fmla="*/ 2881 h 2903"/>
                <a:gd name="T8" fmla="*/ 515 w 2905"/>
                <a:gd name="T9" fmla="*/ 2859 h 2903"/>
                <a:gd name="T10" fmla="*/ 656 w 2905"/>
                <a:gd name="T11" fmla="*/ 2830 h 2903"/>
                <a:gd name="T12" fmla="*/ 795 w 2905"/>
                <a:gd name="T13" fmla="*/ 2793 h 2903"/>
                <a:gd name="T14" fmla="*/ 932 w 2905"/>
                <a:gd name="T15" fmla="*/ 2751 h 2903"/>
                <a:gd name="T16" fmla="*/ 1066 w 2905"/>
                <a:gd name="T17" fmla="*/ 2702 h 2903"/>
                <a:gd name="T18" fmla="*/ 1196 w 2905"/>
                <a:gd name="T19" fmla="*/ 2647 h 2903"/>
                <a:gd name="T20" fmla="*/ 1322 w 2905"/>
                <a:gd name="T21" fmla="*/ 2586 h 2903"/>
                <a:gd name="T22" fmla="*/ 1445 w 2905"/>
                <a:gd name="T23" fmla="*/ 2518 h 2903"/>
                <a:gd name="T24" fmla="*/ 1566 w 2905"/>
                <a:gd name="T25" fmla="*/ 2447 h 2903"/>
                <a:gd name="T26" fmla="*/ 1681 w 2905"/>
                <a:gd name="T27" fmla="*/ 2368 h 2903"/>
                <a:gd name="T28" fmla="*/ 1793 w 2905"/>
                <a:gd name="T29" fmla="*/ 2284 h 2903"/>
                <a:gd name="T30" fmla="*/ 1901 w 2905"/>
                <a:gd name="T31" fmla="*/ 2196 h 2903"/>
                <a:gd name="T32" fmla="*/ 2004 w 2905"/>
                <a:gd name="T33" fmla="*/ 2103 h 2903"/>
                <a:gd name="T34" fmla="*/ 2103 w 2905"/>
                <a:gd name="T35" fmla="*/ 2004 h 2903"/>
                <a:gd name="T36" fmla="*/ 2196 w 2905"/>
                <a:gd name="T37" fmla="*/ 1899 h 2903"/>
                <a:gd name="T38" fmla="*/ 2284 w 2905"/>
                <a:gd name="T39" fmla="*/ 1793 h 2903"/>
                <a:gd name="T40" fmla="*/ 2368 w 2905"/>
                <a:gd name="T41" fmla="*/ 1681 h 2903"/>
                <a:gd name="T42" fmla="*/ 2447 w 2905"/>
                <a:gd name="T43" fmla="*/ 1564 h 2903"/>
                <a:gd name="T44" fmla="*/ 2520 w 2905"/>
                <a:gd name="T45" fmla="*/ 1445 h 2903"/>
                <a:gd name="T46" fmla="*/ 2586 w 2905"/>
                <a:gd name="T47" fmla="*/ 1322 h 2903"/>
                <a:gd name="T48" fmla="*/ 2648 w 2905"/>
                <a:gd name="T49" fmla="*/ 1194 h 2903"/>
                <a:gd name="T50" fmla="*/ 2703 w 2905"/>
                <a:gd name="T51" fmla="*/ 1064 h 2903"/>
                <a:gd name="T52" fmla="*/ 2751 w 2905"/>
                <a:gd name="T53" fmla="*/ 930 h 2903"/>
                <a:gd name="T54" fmla="*/ 2793 w 2905"/>
                <a:gd name="T55" fmla="*/ 795 h 2903"/>
                <a:gd name="T56" fmla="*/ 2830 w 2905"/>
                <a:gd name="T57" fmla="*/ 656 h 2903"/>
                <a:gd name="T58" fmla="*/ 2859 w 2905"/>
                <a:gd name="T59" fmla="*/ 515 h 2903"/>
                <a:gd name="T60" fmla="*/ 2881 w 2905"/>
                <a:gd name="T61" fmla="*/ 370 h 2903"/>
                <a:gd name="T62" fmla="*/ 2896 w 2905"/>
                <a:gd name="T63" fmla="*/ 223 h 2903"/>
                <a:gd name="T64" fmla="*/ 2903 w 2905"/>
                <a:gd name="T65" fmla="*/ 75 h 2903"/>
                <a:gd name="T66" fmla="*/ 1161 w 2905"/>
                <a:gd name="T67" fmla="*/ 0 h 2903"/>
                <a:gd name="T68" fmla="*/ 1161 w 2905"/>
                <a:gd name="T69" fmla="*/ 60 h 2903"/>
                <a:gd name="T70" fmla="*/ 1148 w 2905"/>
                <a:gd name="T71" fmla="*/ 178 h 2903"/>
                <a:gd name="T72" fmla="*/ 1125 w 2905"/>
                <a:gd name="T73" fmla="*/ 289 h 2903"/>
                <a:gd name="T74" fmla="*/ 1092 w 2905"/>
                <a:gd name="T75" fmla="*/ 399 h 2903"/>
                <a:gd name="T76" fmla="*/ 1048 w 2905"/>
                <a:gd name="T77" fmla="*/ 504 h 2903"/>
                <a:gd name="T78" fmla="*/ 995 w 2905"/>
                <a:gd name="T79" fmla="*/ 603 h 2903"/>
                <a:gd name="T80" fmla="*/ 931 w 2905"/>
                <a:gd name="T81" fmla="*/ 694 h 2903"/>
                <a:gd name="T82" fmla="*/ 861 w 2905"/>
                <a:gd name="T83" fmla="*/ 780 h 2903"/>
                <a:gd name="T84" fmla="*/ 782 w 2905"/>
                <a:gd name="T85" fmla="*/ 859 h 2903"/>
                <a:gd name="T86" fmla="*/ 696 w 2905"/>
                <a:gd name="T87" fmla="*/ 930 h 2903"/>
                <a:gd name="T88" fmla="*/ 603 w 2905"/>
                <a:gd name="T89" fmla="*/ 993 h 2903"/>
                <a:gd name="T90" fmla="*/ 504 w 2905"/>
                <a:gd name="T91" fmla="*/ 1048 h 2903"/>
                <a:gd name="T92" fmla="*/ 399 w 2905"/>
                <a:gd name="T93" fmla="*/ 1092 h 2903"/>
                <a:gd name="T94" fmla="*/ 291 w 2905"/>
                <a:gd name="T95" fmla="*/ 1125 h 2903"/>
                <a:gd name="T96" fmla="*/ 178 w 2905"/>
                <a:gd name="T97" fmla="*/ 1148 h 2903"/>
                <a:gd name="T98" fmla="*/ 61 w 2905"/>
                <a:gd name="T99" fmla="*/ 1159 h 2903"/>
                <a:gd name="T100" fmla="*/ 0 w 2905"/>
                <a:gd name="T101" fmla="*/ 1161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0" y="1161"/>
                  </a:moveTo>
                  <a:lnTo>
                    <a:pt x="0" y="2903"/>
                  </a:lnTo>
                  <a:lnTo>
                    <a:pt x="0" y="2903"/>
                  </a:lnTo>
                  <a:lnTo>
                    <a:pt x="75" y="2903"/>
                  </a:lnTo>
                  <a:lnTo>
                    <a:pt x="150" y="2899"/>
                  </a:lnTo>
                  <a:lnTo>
                    <a:pt x="224" y="2896"/>
                  </a:lnTo>
                  <a:lnTo>
                    <a:pt x="297" y="2888"/>
                  </a:lnTo>
                  <a:lnTo>
                    <a:pt x="370" y="2881"/>
                  </a:lnTo>
                  <a:lnTo>
                    <a:pt x="443" y="2870"/>
                  </a:lnTo>
                  <a:lnTo>
                    <a:pt x="515" y="2859"/>
                  </a:lnTo>
                  <a:lnTo>
                    <a:pt x="586" y="2844"/>
                  </a:lnTo>
                  <a:lnTo>
                    <a:pt x="656" y="2830"/>
                  </a:lnTo>
                  <a:lnTo>
                    <a:pt x="725" y="2811"/>
                  </a:lnTo>
                  <a:lnTo>
                    <a:pt x="795" y="2793"/>
                  </a:lnTo>
                  <a:lnTo>
                    <a:pt x="865" y="2773"/>
                  </a:lnTo>
                  <a:lnTo>
                    <a:pt x="932" y="2751"/>
                  </a:lnTo>
                  <a:lnTo>
                    <a:pt x="998" y="2727"/>
                  </a:lnTo>
                  <a:lnTo>
                    <a:pt x="1066" y="2702"/>
                  </a:lnTo>
                  <a:lnTo>
                    <a:pt x="1130" y="2676"/>
                  </a:lnTo>
                  <a:lnTo>
                    <a:pt x="1196" y="2647"/>
                  </a:lnTo>
                  <a:lnTo>
                    <a:pt x="1260" y="2617"/>
                  </a:lnTo>
                  <a:lnTo>
                    <a:pt x="1322" y="2586"/>
                  </a:lnTo>
                  <a:lnTo>
                    <a:pt x="1385" y="2553"/>
                  </a:lnTo>
                  <a:lnTo>
                    <a:pt x="1445" y="2518"/>
                  </a:lnTo>
                  <a:lnTo>
                    <a:pt x="1506" y="2484"/>
                  </a:lnTo>
                  <a:lnTo>
                    <a:pt x="1566" y="2447"/>
                  </a:lnTo>
                  <a:lnTo>
                    <a:pt x="1625" y="2408"/>
                  </a:lnTo>
                  <a:lnTo>
                    <a:pt x="1681" y="2368"/>
                  </a:lnTo>
                  <a:lnTo>
                    <a:pt x="1738" y="2326"/>
                  </a:lnTo>
                  <a:lnTo>
                    <a:pt x="1793" y="2284"/>
                  </a:lnTo>
                  <a:lnTo>
                    <a:pt x="1848" y="2240"/>
                  </a:lnTo>
                  <a:lnTo>
                    <a:pt x="1901" y="2196"/>
                  </a:lnTo>
                  <a:lnTo>
                    <a:pt x="1952" y="2148"/>
                  </a:lnTo>
                  <a:lnTo>
                    <a:pt x="2004" y="2103"/>
                  </a:lnTo>
                  <a:lnTo>
                    <a:pt x="2053" y="2053"/>
                  </a:lnTo>
                  <a:lnTo>
                    <a:pt x="2103" y="2004"/>
                  </a:lnTo>
                  <a:lnTo>
                    <a:pt x="2150" y="1952"/>
                  </a:lnTo>
                  <a:lnTo>
                    <a:pt x="2196" y="1899"/>
                  </a:lnTo>
                  <a:lnTo>
                    <a:pt x="2242" y="1846"/>
                  </a:lnTo>
                  <a:lnTo>
                    <a:pt x="2284" y="1793"/>
                  </a:lnTo>
                  <a:lnTo>
                    <a:pt x="2328" y="1738"/>
                  </a:lnTo>
                  <a:lnTo>
                    <a:pt x="2368" y="1681"/>
                  </a:lnTo>
                  <a:lnTo>
                    <a:pt x="2408" y="1623"/>
                  </a:lnTo>
                  <a:lnTo>
                    <a:pt x="2447" y="1564"/>
                  </a:lnTo>
                  <a:lnTo>
                    <a:pt x="2483" y="1506"/>
                  </a:lnTo>
                  <a:lnTo>
                    <a:pt x="2520" y="1445"/>
                  </a:lnTo>
                  <a:lnTo>
                    <a:pt x="2553" y="1385"/>
                  </a:lnTo>
                  <a:lnTo>
                    <a:pt x="2586" y="1322"/>
                  </a:lnTo>
                  <a:lnTo>
                    <a:pt x="2617" y="1258"/>
                  </a:lnTo>
                  <a:lnTo>
                    <a:pt x="2648" y="1194"/>
                  </a:lnTo>
                  <a:lnTo>
                    <a:pt x="2676" y="1130"/>
                  </a:lnTo>
                  <a:lnTo>
                    <a:pt x="2703" y="1064"/>
                  </a:lnTo>
                  <a:lnTo>
                    <a:pt x="2727" y="998"/>
                  </a:lnTo>
                  <a:lnTo>
                    <a:pt x="2751" y="930"/>
                  </a:lnTo>
                  <a:lnTo>
                    <a:pt x="2773" y="863"/>
                  </a:lnTo>
                  <a:lnTo>
                    <a:pt x="2793" y="795"/>
                  </a:lnTo>
                  <a:lnTo>
                    <a:pt x="2813" y="725"/>
                  </a:lnTo>
                  <a:lnTo>
                    <a:pt x="2830" y="656"/>
                  </a:lnTo>
                  <a:lnTo>
                    <a:pt x="2844" y="584"/>
                  </a:lnTo>
                  <a:lnTo>
                    <a:pt x="2859" y="515"/>
                  </a:lnTo>
                  <a:lnTo>
                    <a:pt x="2870" y="441"/>
                  </a:lnTo>
                  <a:lnTo>
                    <a:pt x="2881" y="370"/>
                  </a:lnTo>
                  <a:lnTo>
                    <a:pt x="2888" y="297"/>
                  </a:lnTo>
                  <a:lnTo>
                    <a:pt x="2896" y="223"/>
                  </a:lnTo>
                  <a:lnTo>
                    <a:pt x="2901" y="150"/>
                  </a:lnTo>
                  <a:lnTo>
                    <a:pt x="2903" y="75"/>
                  </a:lnTo>
                  <a:lnTo>
                    <a:pt x="2905" y="0"/>
                  </a:lnTo>
                  <a:lnTo>
                    <a:pt x="1161" y="0"/>
                  </a:lnTo>
                  <a:lnTo>
                    <a:pt x="1161" y="0"/>
                  </a:lnTo>
                  <a:lnTo>
                    <a:pt x="1161" y="60"/>
                  </a:lnTo>
                  <a:lnTo>
                    <a:pt x="1156" y="119"/>
                  </a:lnTo>
                  <a:lnTo>
                    <a:pt x="1148" y="178"/>
                  </a:lnTo>
                  <a:lnTo>
                    <a:pt x="1139" y="234"/>
                  </a:lnTo>
                  <a:lnTo>
                    <a:pt x="1125" y="289"/>
                  </a:lnTo>
                  <a:lnTo>
                    <a:pt x="1110" y="346"/>
                  </a:lnTo>
                  <a:lnTo>
                    <a:pt x="1092" y="399"/>
                  </a:lnTo>
                  <a:lnTo>
                    <a:pt x="1072" y="452"/>
                  </a:lnTo>
                  <a:lnTo>
                    <a:pt x="1048" y="504"/>
                  </a:lnTo>
                  <a:lnTo>
                    <a:pt x="1022" y="553"/>
                  </a:lnTo>
                  <a:lnTo>
                    <a:pt x="995" y="603"/>
                  </a:lnTo>
                  <a:lnTo>
                    <a:pt x="964" y="650"/>
                  </a:lnTo>
                  <a:lnTo>
                    <a:pt x="931" y="694"/>
                  </a:lnTo>
                  <a:lnTo>
                    <a:pt x="898" y="738"/>
                  </a:lnTo>
                  <a:lnTo>
                    <a:pt x="861" y="780"/>
                  </a:lnTo>
                  <a:lnTo>
                    <a:pt x="823" y="821"/>
                  </a:lnTo>
                  <a:lnTo>
                    <a:pt x="782" y="859"/>
                  </a:lnTo>
                  <a:lnTo>
                    <a:pt x="740" y="896"/>
                  </a:lnTo>
                  <a:lnTo>
                    <a:pt x="696" y="930"/>
                  </a:lnTo>
                  <a:lnTo>
                    <a:pt x="650" y="963"/>
                  </a:lnTo>
                  <a:lnTo>
                    <a:pt x="603" y="993"/>
                  </a:lnTo>
                  <a:lnTo>
                    <a:pt x="555" y="1022"/>
                  </a:lnTo>
                  <a:lnTo>
                    <a:pt x="504" y="1048"/>
                  </a:lnTo>
                  <a:lnTo>
                    <a:pt x="453" y="1070"/>
                  </a:lnTo>
                  <a:lnTo>
                    <a:pt x="399" y="1092"/>
                  </a:lnTo>
                  <a:lnTo>
                    <a:pt x="346" y="1110"/>
                  </a:lnTo>
                  <a:lnTo>
                    <a:pt x="291" y="1125"/>
                  </a:lnTo>
                  <a:lnTo>
                    <a:pt x="235" y="1137"/>
                  </a:lnTo>
                  <a:lnTo>
                    <a:pt x="178" y="1148"/>
                  </a:lnTo>
                  <a:lnTo>
                    <a:pt x="119" y="1156"/>
                  </a:lnTo>
                  <a:lnTo>
                    <a:pt x="61" y="1159"/>
                  </a:lnTo>
                  <a:lnTo>
                    <a:pt x="0" y="1161"/>
                  </a:lnTo>
                  <a:lnTo>
                    <a:pt x="0" y="1161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69" name="Freeform: Shape 18"/>
            <p:cNvSpPr/>
            <p:nvPr/>
          </p:nvSpPr>
          <p:spPr bwMode="auto">
            <a:xfrm>
              <a:off x="3420954" y="3744762"/>
              <a:ext cx="1575298" cy="1574212"/>
            </a:xfrm>
            <a:custGeom>
              <a:avLst/>
              <a:gdLst>
                <a:gd name="T0" fmla="*/ 0 w 2902"/>
                <a:gd name="T1" fmla="*/ 0 h 2903"/>
                <a:gd name="T2" fmla="*/ 2 w 2902"/>
                <a:gd name="T3" fmla="*/ 75 h 2903"/>
                <a:gd name="T4" fmla="*/ 9 w 2902"/>
                <a:gd name="T5" fmla="*/ 223 h 2903"/>
                <a:gd name="T6" fmla="*/ 23 w 2902"/>
                <a:gd name="T7" fmla="*/ 370 h 2903"/>
                <a:gd name="T8" fmla="*/ 45 w 2902"/>
                <a:gd name="T9" fmla="*/ 515 h 2903"/>
                <a:gd name="T10" fmla="*/ 75 w 2902"/>
                <a:gd name="T11" fmla="*/ 656 h 2903"/>
                <a:gd name="T12" fmla="*/ 110 w 2902"/>
                <a:gd name="T13" fmla="*/ 795 h 2903"/>
                <a:gd name="T14" fmla="*/ 152 w 2902"/>
                <a:gd name="T15" fmla="*/ 930 h 2903"/>
                <a:gd name="T16" fmla="*/ 201 w 2902"/>
                <a:gd name="T17" fmla="*/ 1064 h 2903"/>
                <a:gd name="T18" fmla="*/ 256 w 2902"/>
                <a:gd name="T19" fmla="*/ 1194 h 2903"/>
                <a:gd name="T20" fmla="*/ 316 w 2902"/>
                <a:gd name="T21" fmla="*/ 1322 h 2903"/>
                <a:gd name="T22" fmla="*/ 384 w 2902"/>
                <a:gd name="T23" fmla="*/ 1445 h 2903"/>
                <a:gd name="T24" fmla="*/ 457 w 2902"/>
                <a:gd name="T25" fmla="*/ 1564 h 2903"/>
                <a:gd name="T26" fmla="*/ 534 w 2902"/>
                <a:gd name="T27" fmla="*/ 1681 h 2903"/>
                <a:gd name="T28" fmla="*/ 619 w 2902"/>
                <a:gd name="T29" fmla="*/ 1793 h 2903"/>
                <a:gd name="T30" fmla="*/ 708 w 2902"/>
                <a:gd name="T31" fmla="*/ 1899 h 2903"/>
                <a:gd name="T32" fmla="*/ 802 w 2902"/>
                <a:gd name="T33" fmla="*/ 2004 h 2903"/>
                <a:gd name="T34" fmla="*/ 901 w 2902"/>
                <a:gd name="T35" fmla="*/ 2103 h 2903"/>
                <a:gd name="T36" fmla="*/ 1003 w 2902"/>
                <a:gd name="T37" fmla="*/ 2196 h 2903"/>
                <a:gd name="T38" fmla="*/ 1111 w 2902"/>
                <a:gd name="T39" fmla="*/ 2284 h 2903"/>
                <a:gd name="T40" fmla="*/ 1223 w 2902"/>
                <a:gd name="T41" fmla="*/ 2368 h 2903"/>
                <a:gd name="T42" fmla="*/ 1338 w 2902"/>
                <a:gd name="T43" fmla="*/ 2447 h 2903"/>
                <a:gd name="T44" fmla="*/ 1457 w 2902"/>
                <a:gd name="T45" fmla="*/ 2518 h 2903"/>
                <a:gd name="T46" fmla="*/ 1582 w 2902"/>
                <a:gd name="T47" fmla="*/ 2586 h 2903"/>
                <a:gd name="T48" fmla="*/ 1708 w 2902"/>
                <a:gd name="T49" fmla="*/ 2647 h 2903"/>
                <a:gd name="T50" fmla="*/ 1838 w 2902"/>
                <a:gd name="T51" fmla="*/ 2702 h 2903"/>
                <a:gd name="T52" fmla="*/ 1972 w 2902"/>
                <a:gd name="T53" fmla="*/ 2751 h 2903"/>
                <a:gd name="T54" fmla="*/ 2107 w 2902"/>
                <a:gd name="T55" fmla="*/ 2793 h 2903"/>
                <a:gd name="T56" fmla="*/ 2247 w 2902"/>
                <a:gd name="T57" fmla="*/ 2830 h 2903"/>
                <a:gd name="T58" fmla="*/ 2390 w 2902"/>
                <a:gd name="T59" fmla="*/ 2859 h 2903"/>
                <a:gd name="T60" fmla="*/ 2532 w 2902"/>
                <a:gd name="T61" fmla="*/ 2881 h 2903"/>
                <a:gd name="T62" fmla="*/ 2679 w 2902"/>
                <a:gd name="T63" fmla="*/ 2896 h 2903"/>
                <a:gd name="T64" fmla="*/ 2827 w 2902"/>
                <a:gd name="T65" fmla="*/ 2903 h 2903"/>
                <a:gd name="T66" fmla="*/ 2902 w 2902"/>
                <a:gd name="T67" fmla="*/ 1161 h 2903"/>
                <a:gd name="T68" fmla="*/ 2844 w 2902"/>
                <a:gd name="T69" fmla="*/ 1159 h 2903"/>
                <a:gd name="T70" fmla="*/ 2726 w 2902"/>
                <a:gd name="T71" fmla="*/ 1148 h 2903"/>
                <a:gd name="T72" fmla="*/ 2613 w 2902"/>
                <a:gd name="T73" fmla="*/ 1125 h 2903"/>
                <a:gd name="T74" fmla="*/ 2503 w 2902"/>
                <a:gd name="T75" fmla="*/ 1092 h 2903"/>
                <a:gd name="T76" fmla="*/ 2399 w 2902"/>
                <a:gd name="T77" fmla="*/ 1048 h 2903"/>
                <a:gd name="T78" fmla="*/ 2300 w 2902"/>
                <a:gd name="T79" fmla="*/ 993 h 2903"/>
                <a:gd name="T80" fmla="*/ 2208 w 2902"/>
                <a:gd name="T81" fmla="*/ 930 h 2903"/>
                <a:gd name="T82" fmla="*/ 2122 w 2902"/>
                <a:gd name="T83" fmla="*/ 859 h 2903"/>
                <a:gd name="T84" fmla="*/ 2043 w 2902"/>
                <a:gd name="T85" fmla="*/ 780 h 2903"/>
                <a:gd name="T86" fmla="*/ 1972 w 2902"/>
                <a:gd name="T87" fmla="*/ 694 h 2903"/>
                <a:gd name="T88" fmla="*/ 1910 w 2902"/>
                <a:gd name="T89" fmla="*/ 603 h 2903"/>
                <a:gd name="T90" fmla="*/ 1857 w 2902"/>
                <a:gd name="T91" fmla="*/ 504 h 2903"/>
                <a:gd name="T92" fmla="*/ 1813 w 2902"/>
                <a:gd name="T93" fmla="*/ 399 h 2903"/>
                <a:gd name="T94" fmla="*/ 1778 w 2902"/>
                <a:gd name="T95" fmla="*/ 289 h 2903"/>
                <a:gd name="T96" fmla="*/ 1754 w 2902"/>
                <a:gd name="T97" fmla="*/ 178 h 2903"/>
                <a:gd name="T98" fmla="*/ 1743 w 2902"/>
                <a:gd name="T99" fmla="*/ 60 h 2903"/>
                <a:gd name="T100" fmla="*/ 1741 w 2902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2" h="2903">
                  <a:moveTo>
                    <a:pt x="1741" y="0"/>
                  </a:moveTo>
                  <a:lnTo>
                    <a:pt x="0" y="0"/>
                  </a:lnTo>
                  <a:lnTo>
                    <a:pt x="0" y="0"/>
                  </a:lnTo>
                  <a:lnTo>
                    <a:pt x="2" y="75"/>
                  </a:lnTo>
                  <a:lnTo>
                    <a:pt x="3" y="150"/>
                  </a:lnTo>
                  <a:lnTo>
                    <a:pt x="9" y="223"/>
                  </a:lnTo>
                  <a:lnTo>
                    <a:pt x="14" y="297"/>
                  </a:lnTo>
                  <a:lnTo>
                    <a:pt x="23" y="370"/>
                  </a:lnTo>
                  <a:lnTo>
                    <a:pt x="33" y="441"/>
                  </a:lnTo>
                  <a:lnTo>
                    <a:pt x="45" y="515"/>
                  </a:lnTo>
                  <a:lnTo>
                    <a:pt x="58" y="584"/>
                  </a:lnTo>
                  <a:lnTo>
                    <a:pt x="75" y="656"/>
                  </a:lnTo>
                  <a:lnTo>
                    <a:pt x="91" y="725"/>
                  </a:lnTo>
                  <a:lnTo>
                    <a:pt x="110" y="795"/>
                  </a:lnTo>
                  <a:lnTo>
                    <a:pt x="130" y="863"/>
                  </a:lnTo>
                  <a:lnTo>
                    <a:pt x="152" y="930"/>
                  </a:lnTo>
                  <a:lnTo>
                    <a:pt x="175" y="998"/>
                  </a:lnTo>
                  <a:lnTo>
                    <a:pt x="201" y="1064"/>
                  </a:lnTo>
                  <a:lnTo>
                    <a:pt x="229" y="1130"/>
                  </a:lnTo>
                  <a:lnTo>
                    <a:pt x="256" y="1194"/>
                  </a:lnTo>
                  <a:lnTo>
                    <a:pt x="285" y="1258"/>
                  </a:lnTo>
                  <a:lnTo>
                    <a:pt x="316" y="1322"/>
                  </a:lnTo>
                  <a:lnTo>
                    <a:pt x="349" y="1385"/>
                  </a:lnTo>
                  <a:lnTo>
                    <a:pt x="384" y="1445"/>
                  </a:lnTo>
                  <a:lnTo>
                    <a:pt x="421" y="1506"/>
                  </a:lnTo>
                  <a:lnTo>
                    <a:pt x="457" y="1564"/>
                  </a:lnTo>
                  <a:lnTo>
                    <a:pt x="496" y="1623"/>
                  </a:lnTo>
                  <a:lnTo>
                    <a:pt x="534" y="1681"/>
                  </a:lnTo>
                  <a:lnTo>
                    <a:pt x="577" y="1738"/>
                  </a:lnTo>
                  <a:lnTo>
                    <a:pt x="619" y="1793"/>
                  </a:lnTo>
                  <a:lnTo>
                    <a:pt x="663" y="1846"/>
                  </a:lnTo>
                  <a:lnTo>
                    <a:pt x="708" y="1899"/>
                  </a:lnTo>
                  <a:lnTo>
                    <a:pt x="754" y="1952"/>
                  </a:lnTo>
                  <a:lnTo>
                    <a:pt x="802" y="2004"/>
                  </a:lnTo>
                  <a:lnTo>
                    <a:pt x="849" y="2053"/>
                  </a:lnTo>
                  <a:lnTo>
                    <a:pt x="901" y="2103"/>
                  </a:lnTo>
                  <a:lnTo>
                    <a:pt x="950" y="2148"/>
                  </a:lnTo>
                  <a:lnTo>
                    <a:pt x="1003" y="2196"/>
                  </a:lnTo>
                  <a:lnTo>
                    <a:pt x="1056" y="2240"/>
                  </a:lnTo>
                  <a:lnTo>
                    <a:pt x="1111" y="2284"/>
                  </a:lnTo>
                  <a:lnTo>
                    <a:pt x="1166" y="2326"/>
                  </a:lnTo>
                  <a:lnTo>
                    <a:pt x="1223" y="2368"/>
                  </a:lnTo>
                  <a:lnTo>
                    <a:pt x="1280" y="2408"/>
                  </a:lnTo>
                  <a:lnTo>
                    <a:pt x="1338" y="2447"/>
                  </a:lnTo>
                  <a:lnTo>
                    <a:pt x="1397" y="2484"/>
                  </a:lnTo>
                  <a:lnTo>
                    <a:pt x="1457" y="2518"/>
                  </a:lnTo>
                  <a:lnTo>
                    <a:pt x="1520" y="2553"/>
                  </a:lnTo>
                  <a:lnTo>
                    <a:pt x="1582" y="2586"/>
                  </a:lnTo>
                  <a:lnTo>
                    <a:pt x="1644" y="2617"/>
                  </a:lnTo>
                  <a:lnTo>
                    <a:pt x="1708" y="2647"/>
                  </a:lnTo>
                  <a:lnTo>
                    <a:pt x="1772" y="2676"/>
                  </a:lnTo>
                  <a:lnTo>
                    <a:pt x="1838" y="2702"/>
                  </a:lnTo>
                  <a:lnTo>
                    <a:pt x="1904" y="2727"/>
                  </a:lnTo>
                  <a:lnTo>
                    <a:pt x="1972" y="2751"/>
                  </a:lnTo>
                  <a:lnTo>
                    <a:pt x="2040" y="2773"/>
                  </a:lnTo>
                  <a:lnTo>
                    <a:pt x="2107" y="2793"/>
                  </a:lnTo>
                  <a:lnTo>
                    <a:pt x="2177" y="2811"/>
                  </a:lnTo>
                  <a:lnTo>
                    <a:pt x="2247" y="2830"/>
                  </a:lnTo>
                  <a:lnTo>
                    <a:pt x="2318" y="2844"/>
                  </a:lnTo>
                  <a:lnTo>
                    <a:pt x="2390" y="2859"/>
                  </a:lnTo>
                  <a:lnTo>
                    <a:pt x="2461" y="2870"/>
                  </a:lnTo>
                  <a:lnTo>
                    <a:pt x="2532" y="2881"/>
                  </a:lnTo>
                  <a:lnTo>
                    <a:pt x="2606" y="2888"/>
                  </a:lnTo>
                  <a:lnTo>
                    <a:pt x="2679" y="2896"/>
                  </a:lnTo>
                  <a:lnTo>
                    <a:pt x="2754" y="2899"/>
                  </a:lnTo>
                  <a:lnTo>
                    <a:pt x="2827" y="2903"/>
                  </a:lnTo>
                  <a:lnTo>
                    <a:pt x="2902" y="2903"/>
                  </a:lnTo>
                  <a:lnTo>
                    <a:pt x="2902" y="1161"/>
                  </a:lnTo>
                  <a:lnTo>
                    <a:pt x="2902" y="1161"/>
                  </a:lnTo>
                  <a:lnTo>
                    <a:pt x="2844" y="1159"/>
                  </a:lnTo>
                  <a:lnTo>
                    <a:pt x="2783" y="1156"/>
                  </a:lnTo>
                  <a:lnTo>
                    <a:pt x="2726" y="1148"/>
                  </a:lnTo>
                  <a:lnTo>
                    <a:pt x="2670" y="1137"/>
                  </a:lnTo>
                  <a:lnTo>
                    <a:pt x="2613" y="1125"/>
                  </a:lnTo>
                  <a:lnTo>
                    <a:pt x="2558" y="1110"/>
                  </a:lnTo>
                  <a:lnTo>
                    <a:pt x="2503" y="1092"/>
                  </a:lnTo>
                  <a:lnTo>
                    <a:pt x="2450" y="1070"/>
                  </a:lnTo>
                  <a:lnTo>
                    <a:pt x="2399" y="1048"/>
                  </a:lnTo>
                  <a:lnTo>
                    <a:pt x="2349" y="1022"/>
                  </a:lnTo>
                  <a:lnTo>
                    <a:pt x="2300" y="993"/>
                  </a:lnTo>
                  <a:lnTo>
                    <a:pt x="2254" y="963"/>
                  </a:lnTo>
                  <a:lnTo>
                    <a:pt x="2208" y="930"/>
                  </a:lnTo>
                  <a:lnTo>
                    <a:pt x="2164" y="896"/>
                  </a:lnTo>
                  <a:lnTo>
                    <a:pt x="2122" y="859"/>
                  </a:lnTo>
                  <a:lnTo>
                    <a:pt x="2082" y="821"/>
                  </a:lnTo>
                  <a:lnTo>
                    <a:pt x="2043" y="780"/>
                  </a:lnTo>
                  <a:lnTo>
                    <a:pt x="2007" y="738"/>
                  </a:lnTo>
                  <a:lnTo>
                    <a:pt x="1972" y="694"/>
                  </a:lnTo>
                  <a:lnTo>
                    <a:pt x="1939" y="650"/>
                  </a:lnTo>
                  <a:lnTo>
                    <a:pt x="1910" y="603"/>
                  </a:lnTo>
                  <a:lnTo>
                    <a:pt x="1882" y="553"/>
                  </a:lnTo>
                  <a:lnTo>
                    <a:pt x="1857" y="504"/>
                  </a:lnTo>
                  <a:lnTo>
                    <a:pt x="1833" y="452"/>
                  </a:lnTo>
                  <a:lnTo>
                    <a:pt x="1813" y="399"/>
                  </a:lnTo>
                  <a:lnTo>
                    <a:pt x="1794" y="346"/>
                  </a:lnTo>
                  <a:lnTo>
                    <a:pt x="1778" y="289"/>
                  </a:lnTo>
                  <a:lnTo>
                    <a:pt x="1765" y="234"/>
                  </a:lnTo>
                  <a:lnTo>
                    <a:pt x="1754" y="178"/>
                  </a:lnTo>
                  <a:lnTo>
                    <a:pt x="1747" y="119"/>
                  </a:lnTo>
                  <a:lnTo>
                    <a:pt x="1743" y="60"/>
                  </a:lnTo>
                  <a:lnTo>
                    <a:pt x="1741" y="0"/>
                  </a:lnTo>
                  <a:lnTo>
                    <a:pt x="1741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70" name="Freeform: Shape 19"/>
            <p:cNvSpPr/>
            <p:nvPr/>
          </p:nvSpPr>
          <p:spPr bwMode="auto">
            <a:xfrm>
              <a:off x="5625502" y="3744762"/>
              <a:ext cx="1575298" cy="1574212"/>
            </a:xfrm>
            <a:custGeom>
              <a:avLst/>
              <a:gdLst>
                <a:gd name="T0" fmla="*/ 0 w 2905"/>
                <a:gd name="T1" fmla="*/ 0 h 2903"/>
                <a:gd name="T2" fmla="*/ 2 w 2905"/>
                <a:gd name="T3" fmla="*/ 75 h 2903"/>
                <a:gd name="T4" fmla="*/ 9 w 2905"/>
                <a:gd name="T5" fmla="*/ 223 h 2903"/>
                <a:gd name="T6" fmla="*/ 24 w 2905"/>
                <a:gd name="T7" fmla="*/ 370 h 2903"/>
                <a:gd name="T8" fmla="*/ 46 w 2905"/>
                <a:gd name="T9" fmla="*/ 515 h 2903"/>
                <a:gd name="T10" fmla="*/ 75 w 2905"/>
                <a:gd name="T11" fmla="*/ 656 h 2903"/>
                <a:gd name="T12" fmla="*/ 112 w 2905"/>
                <a:gd name="T13" fmla="*/ 795 h 2903"/>
                <a:gd name="T14" fmla="*/ 154 w 2905"/>
                <a:gd name="T15" fmla="*/ 930 h 2903"/>
                <a:gd name="T16" fmla="*/ 202 w 2905"/>
                <a:gd name="T17" fmla="*/ 1064 h 2903"/>
                <a:gd name="T18" fmla="*/ 257 w 2905"/>
                <a:gd name="T19" fmla="*/ 1194 h 2903"/>
                <a:gd name="T20" fmla="*/ 319 w 2905"/>
                <a:gd name="T21" fmla="*/ 1322 h 2903"/>
                <a:gd name="T22" fmla="*/ 385 w 2905"/>
                <a:gd name="T23" fmla="*/ 1445 h 2903"/>
                <a:gd name="T24" fmla="*/ 458 w 2905"/>
                <a:gd name="T25" fmla="*/ 1564 h 2903"/>
                <a:gd name="T26" fmla="*/ 537 w 2905"/>
                <a:gd name="T27" fmla="*/ 1681 h 2903"/>
                <a:gd name="T28" fmla="*/ 621 w 2905"/>
                <a:gd name="T29" fmla="*/ 1793 h 2903"/>
                <a:gd name="T30" fmla="*/ 709 w 2905"/>
                <a:gd name="T31" fmla="*/ 1899 h 2903"/>
                <a:gd name="T32" fmla="*/ 802 w 2905"/>
                <a:gd name="T33" fmla="*/ 2004 h 2903"/>
                <a:gd name="T34" fmla="*/ 901 w 2905"/>
                <a:gd name="T35" fmla="*/ 2103 h 2903"/>
                <a:gd name="T36" fmla="*/ 1004 w 2905"/>
                <a:gd name="T37" fmla="*/ 2196 h 2903"/>
                <a:gd name="T38" fmla="*/ 1112 w 2905"/>
                <a:gd name="T39" fmla="*/ 2284 h 2903"/>
                <a:gd name="T40" fmla="*/ 1224 w 2905"/>
                <a:gd name="T41" fmla="*/ 2368 h 2903"/>
                <a:gd name="T42" fmla="*/ 1339 w 2905"/>
                <a:gd name="T43" fmla="*/ 2447 h 2903"/>
                <a:gd name="T44" fmla="*/ 1460 w 2905"/>
                <a:gd name="T45" fmla="*/ 2518 h 2903"/>
                <a:gd name="T46" fmla="*/ 1583 w 2905"/>
                <a:gd name="T47" fmla="*/ 2586 h 2903"/>
                <a:gd name="T48" fmla="*/ 1709 w 2905"/>
                <a:gd name="T49" fmla="*/ 2647 h 2903"/>
                <a:gd name="T50" fmla="*/ 1839 w 2905"/>
                <a:gd name="T51" fmla="*/ 2702 h 2903"/>
                <a:gd name="T52" fmla="*/ 1973 w 2905"/>
                <a:gd name="T53" fmla="*/ 2751 h 2903"/>
                <a:gd name="T54" fmla="*/ 2110 w 2905"/>
                <a:gd name="T55" fmla="*/ 2793 h 2903"/>
                <a:gd name="T56" fmla="*/ 2249 w 2905"/>
                <a:gd name="T57" fmla="*/ 2830 h 2903"/>
                <a:gd name="T58" fmla="*/ 2390 w 2905"/>
                <a:gd name="T59" fmla="*/ 2859 h 2903"/>
                <a:gd name="T60" fmla="*/ 2535 w 2905"/>
                <a:gd name="T61" fmla="*/ 2881 h 2903"/>
                <a:gd name="T62" fmla="*/ 2681 w 2905"/>
                <a:gd name="T63" fmla="*/ 2896 h 2903"/>
                <a:gd name="T64" fmla="*/ 2830 w 2905"/>
                <a:gd name="T65" fmla="*/ 2903 h 2903"/>
                <a:gd name="T66" fmla="*/ 2905 w 2905"/>
                <a:gd name="T67" fmla="*/ 1161 h 2903"/>
                <a:gd name="T68" fmla="*/ 2844 w 2905"/>
                <a:gd name="T69" fmla="*/ 1159 h 2903"/>
                <a:gd name="T70" fmla="*/ 2727 w 2905"/>
                <a:gd name="T71" fmla="*/ 1148 h 2903"/>
                <a:gd name="T72" fmla="*/ 2614 w 2905"/>
                <a:gd name="T73" fmla="*/ 1125 h 2903"/>
                <a:gd name="T74" fmla="*/ 2506 w 2905"/>
                <a:gd name="T75" fmla="*/ 1092 h 2903"/>
                <a:gd name="T76" fmla="*/ 2401 w 2905"/>
                <a:gd name="T77" fmla="*/ 1048 h 2903"/>
                <a:gd name="T78" fmla="*/ 2302 w 2905"/>
                <a:gd name="T79" fmla="*/ 993 h 2903"/>
                <a:gd name="T80" fmla="*/ 2209 w 2905"/>
                <a:gd name="T81" fmla="*/ 930 h 2903"/>
                <a:gd name="T82" fmla="*/ 2123 w 2905"/>
                <a:gd name="T83" fmla="*/ 859 h 2903"/>
                <a:gd name="T84" fmla="*/ 2044 w 2905"/>
                <a:gd name="T85" fmla="*/ 780 h 2903"/>
                <a:gd name="T86" fmla="*/ 1974 w 2905"/>
                <a:gd name="T87" fmla="*/ 694 h 2903"/>
                <a:gd name="T88" fmla="*/ 1910 w 2905"/>
                <a:gd name="T89" fmla="*/ 603 h 2903"/>
                <a:gd name="T90" fmla="*/ 1857 w 2905"/>
                <a:gd name="T91" fmla="*/ 504 h 2903"/>
                <a:gd name="T92" fmla="*/ 1813 w 2905"/>
                <a:gd name="T93" fmla="*/ 399 h 2903"/>
                <a:gd name="T94" fmla="*/ 1780 w 2905"/>
                <a:gd name="T95" fmla="*/ 289 h 2903"/>
                <a:gd name="T96" fmla="*/ 1757 w 2905"/>
                <a:gd name="T97" fmla="*/ 178 h 2903"/>
                <a:gd name="T98" fmla="*/ 1744 w 2905"/>
                <a:gd name="T99" fmla="*/ 60 h 2903"/>
                <a:gd name="T100" fmla="*/ 1744 w 2905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1744" y="0"/>
                  </a:moveTo>
                  <a:lnTo>
                    <a:pt x="0" y="0"/>
                  </a:lnTo>
                  <a:lnTo>
                    <a:pt x="0" y="0"/>
                  </a:lnTo>
                  <a:lnTo>
                    <a:pt x="2" y="75"/>
                  </a:lnTo>
                  <a:lnTo>
                    <a:pt x="4" y="150"/>
                  </a:lnTo>
                  <a:lnTo>
                    <a:pt x="9" y="223"/>
                  </a:lnTo>
                  <a:lnTo>
                    <a:pt x="17" y="297"/>
                  </a:lnTo>
                  <a:lnTo>
                    <a:pt x="24" y="370"/>
                  </a:lnTo>
                  <a:lnTo>
                    <a:pt x="35" y="441"/>
                  </a:lnTo>
                  <a:lnTo>
                    <a:pt x="46" y="515"/>
                  </a:lnTo>
                  <a:lnTo>
                    <a:pt x="61" y="584"/>
                  </a:lnTo>
                  <a:lnTo>
                    <a:pt x="75" y="656"/>
                  </a:lnTo>
                  <a:lnTo>
                    <a:pt x="92" y="725"/>
                  </a:lnTo>
                  <a:lnTo>
                    <a:pt x="112" y="795"/>
                  </a:lnTo>
                  <a:lnTo>
                    <a:pt x="132" y="863"/>
                  </a:lnTo>
                  <a:lnTo>
                    <a:pt x="154" y="930"/>
                  </a:lnTo>
                  <a:lnTo>
                    <a:pt x="178" y="998"/>
                  </a:lnTo>
                  <a:lnTo>
                    <a:pt x="202" y="1064"/>
                  </a:lnTo>
                  <a:lnTo>
                    <a:pt x="229" y="1130"/>
                  </a:lnTo>
                  <a:lnTo>
                    <a:pt x="257" y="1194"/>
                  </a:lnTo>
                  <a:lnTo>
                    <a:pt x="288" y="1258"/>
                  </a:lnTo>
                  <a:lnTo>
                    <a:pt x="319" y="1322"/>
                  </a:lnTo>
                  <a:lnTo>
                    <a:pt x="352" y="1385"/>
                  </a:lnTo>
                  <a:lnTo>
                    <a:pt x="385" y="1445"/>
                  </a:lnTo>
                  <a:lnTo>
                    <a:pt x="422" y="1506"/>
                  </a:lnTo>
                  <a:lnTo>
                    <a:pt x="458" y="1564"/>
                  </a:lnTo>
                  <a:lnTo>
                    <a:pt x="497" y="1623"/>
                  </a:lnTo>
                  <a:lnTo>
                    <a:pt x="537" y="1681"/>
                  </a:lnTo>
                  <a:lnTo>
                    <a:pt x="577" y="1738"/>
                  </a:lnTo>
                  <a:lnTo>
                    <a:pt x="621" y="1793"/>
                  </a:lnTo>
                  <a:lnTo>
                    <a:pt x="663" y="1846"/>
                  </a:lnTo>
                  <a:lnTo>
                    <a:pt x="709" y="1899"/>
                  </a:lnTo>
                  <a:lnTo>
                    <a:pt x="755" y="1952"/>
                  </a:lnTo>
                  <a:lnTo>
                    <a:pt x="802" y="2004"/>
                  </a:lnTo>
                  <a:lnTo>
                    <a:pt x="852" y="2053"/>
                  </a:lnTo>
                  <a:lnTo>
                    <a:pt x="901" y="2103"/>
                  </a:lnTo>
                  <a:lnTo>
                    <a:pt x="953" y="2148"/>
                  </a:lnTo>
                  <a:lnTo>
                    <a:pt x="1004" y="2196"/>
                  </a:lnTo>
                  <a:lnTo>
                    <a:pt x="1057" y="2240"/>
                  </a:lnTo>
                  <a:lnTo>
                    <a:pt x="1112" y="2284"/>
                  </a:lnTo>
                  <a:lnTo>
                    <a:pt x="1167" y="2326"/>
                  </a:lnTo>
                  <a:lnTo>
                    <a:pt x="1224" y="2368"/>
                  </a:lnTo>
                  <a:lnTo>
                    <a:pt x="1280" y="2408"/>
                  </a:lnTo>
                  <a:lnTo>
                    <a:pt x="1339" y="2447"/>
                  </a:lnTo>
                  <a:lnTo>
                    <a:pt x="1399" y="2484"/>
                  </a:lnTo>
                  <a:lnTo>
                    <a:pt x="1460" y="2518"/>
                  </a:lnTo>
                  <a:lnTo>
                    <a:pt x="1520" y="2553"/>
                  </a:lnTo>
                  <a:lnTo>
                    <a:pt x="1583" y="2586"/>
                  </a:lnTo>
                  <a:lnTo>
                    <a:pt x="1645" y="2617"/>
                  </a:lnTo>
                  <a:lnTo>
                    <a:pt x="1709" y="2647"/>
                  </a:lnTo>
                  <a:lnTo>
                    <a:pt x="1775" y="2676"/>
                  </a:lnTo>
                  <a:lnTo>
                    <a:pt x="1839" y="2702"/>
                  </a:lnTo>
                  <a:lnTo>
                    <a:pt x="1907" y="2727"/>
                  </a:lnTo>
                  <a:lnTo>
                    <a:pt x="1973" y="2751"/>
                  </a:lnTo>
                  <a:lnTo>
                    <a:pt x="2040" y="2773"/>
                  </a:lnTo>
                  <a:lnTo>
                    <a:pt x="2110" y="2793"/>
                  </a:lnTo>
                  <a:lnTo>
                    <a:pt x="2180" y="2811"/>
                  </a:lnTo>
                  <a:lnTo>
                    <a:pt x="2249" y="2830"/>
                  </a:lnTo>
                  <a:lnTo>
                    <a:pt x="2319" y="2844"/>
                  </a:lnTo>
                  <a:lnTo>
                    <a:pt x="2390" y="2859"/>
                  </a:lnTo>
                  <a:lnTo>
                    <a:pt x="2462" y="2870"/>
                  </a:lnTo>
                  <a:lnTo>
                    <a:pt x="2535" y="2881"/>
                  </a:lnTo>
                  <a:lnTo>
                    <a:pt x="2608" y="2888"/>
                  </a:lnTo>
                  <a:lnTo>
                    <a:pt x="2681" y="2896"/>
                  </a:lnTo>
                  <a:lnTo>
                    <a:pt x="2755" y="2899"/>
                  </a:lnTo>
                  <a:lnTo>
                    <a:pt x="2830" y="2903"/>
                  </a:lnTo>
                  <a:lnTo>
                    <a:pt x="2905" y="2903"/>
                  </a:lnTo>
                  <a:lnTo>
                    <a:pt x="2905" y="1161"/>
                  </a:lnTo>
                  <a:lnTo>
                    <a:pt x="2905" y="1161"/>
                  </a:lnTo>
                  <a:lnTo>
                    <a:pt x="2844" y="1159"/>
                  </a:lnTo>
                  <a:lnTo>
                    <a:pt x="2786" y="1156"/>
                  </a:lnTo>
                  <a:lnTo>
                    <a:pt x="2727" y="1148"/>
                  </a:lnTo>
                  <a:lnTo>
                    <a:pt x="2670" y="1137"/>
                  </a:lnTo>
                  <a:lnTo>
                    <a:pt x="2614" y="1125"/>
                  </a:lnTo>
                  <a:lnTo>
                    <a:pt x="2559" y="1110"/>
                  </a:lnTo>
                  <a:lnTo>
                    <a:pt x="2506" y="1092"/>
                  </a:lnTo>
                  <a:lnTo>
                    <a:pt x="2452" y="1070"/>
                  </a:lnTo>
                  <a:lnTo>
                    <a:pt x="2401" y="1048"/>
                  </a:lnTo>
                  <a:lnTo>
                    <a:pt x="2350" y="1022"/>
                  </a:lnTo>
                  <a:lnTo>
                    <a:pt x="2302" y="993"/>
                  </a:lnTo>
                  <a:lnTo>
                    <a:pt x="2255" y="963"/>
                  </a:lnTo>
                  <a:lnTo>
                    <a:pt x="2209" y="930"/>
                  </a:lnTo>
                  <a:lnTo>
                    <a:pt x="2165" y="896"/>
                  </a:lnTo>
                  <a:lnTo>
                    <a:pt x="2123" y="859"/>
                  </a:lnTo>
                  <a:lnTo>
                    <a:pt x="2082" y="821"/>
                  </a:lnTo>
                  <a:lnTo>
                    <a:pt x="2044" y="780"/>
                  </a:lnTo>
                  <a:lnTo>
                    <a:pt x="2007" y="738"/>
                  </a:lnTo>
                  <a:lnTo>
                    <a:pt x="1974" y="694"/>
                  </a:lnTo>
                  <a:lnTo>
                    <a:pt x="1941" y="650"/>
                  </a:lnTo>
                  <a:lnTo>
                    <a:pt x="1910" y="603"/>
                  </a:lnTo>
                  <a:lnTo>
                    <a:pt x="1883" y="553"/>
                  </a:lnTo>
                  <a:lnTo>
                    <a:pt x="1857" y="504"/>
                  </a:lnTo>
                  <a:lnTo>
                    <a:pt x="1833" y="452"/>
                  </a:lnTo>
                  <a:lnTo>
                    <a:pt x="1813" y="399"/>
                  </a:lnTo>
                  <a:lnTo>
                    <a:pt x="1795" y="346"/>
                  </a:lnTo>
                  <a:lnTo>
                    <a:pt x="1780" y="289"/>
                  </a:lnTo>
                  <a:lnTo>
                    <a:pt x="1766" y="234"/>
                  </a:lnTo>
                  <a:lnTo>
                    <a:pt x="1757" y="178"/>
                  </a:lnTo>
                  <a:lnTo>
                    <a:pt x="1749" y="119"/>
                  </a:lnTo>
                  <a:lnTo>
                    <a:pt x="1744" y="60"/>
                  </a:lnTo>
                  <a:lnTo>
                    <a:pt x="1744" y="0"/>
                  </a:lnTo>
                  <a:lnTo>
                    <a:pt x="1744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71" name="Freeform: Shape 20"/>
            <p:cNvSpPr/>
            <p:nvPr/>
          </p:nvSpPr>
          <p:spPr bwMode="auto">
            <a:xfrm>
              <a:off x="3213034" y="3691698"/>
              <a:ext cx="1360802" cy="510803"/>
            </a:xfrm>
            <a:custGeom>
              <a:avLst/>
              <a:gdLst>
                <a:gd name="T0" fmla="*/ 0 w 2031"/>
                <a:gd name="T1" fmla="*/ 0 h 762"/>
                <a:gd name="T2" fmla="*/ 1016 w 2031"/>
                <a:gd name="T3" fmla="*/ 762 h 762"/>
                <a:gd name="T4" fmla="*/ 2031 w 2031"/>
                <a:gd name="T5" fmla="*/ 0 h 762"/>
                <a:gd name="T6" fmla="*/ 0 w 2031"/>
                <a:gd name="T7" fmla="*/ 0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1" h="762">
                  <a:moveTo>
                    <a:pt x="0" y="0"/>
                  </a:moveTo>
                  <a:lnTo>
                    <a:pt x="1016" y="762"/>
                  </a:lnTo>
                  <a:lnTo>
                    <a:pt x="2031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72" name="Freeform: Shape 23"/>
            <p:cNvSpPr/>
            <p:nvPr/>
          </p:nvSpPr>
          <p:spPr bwMode="auto">
            <a:xfrm>
              <a:off x="7623216" y="3691698"/>
              <a:ext cx="1360802" cy="510803"/>
            </a:xfrm>
            <a:custGeom>
              <a:avLst/>
              <a:gdLst>
                <a:gd name="T0" fmla="*/ 0 w 2031"/>
                <a:gd name="T1" fmla="*/ 0 h 762"/>
                <a:gd name="T2" fmla="*/ 1015 w 2031"/>
                <a:gd name="T3" fmla="*/ 762 h 762"/>
                <a:gd name="T4" fmla="*/ 2031 w 2031"/>
                <a:gd name="T5" fmla="*/ 0 h 762"/>
                <a:gd name="T6" fmla="*/ 0 w 2031"/>
                <a:gd name="T7" fmla="*/ 0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1" h="762">
                  <a:moveTo>
                    <a:pt x="0" y="0"/>
                  </a:moveTo>
                  <a:lnTo>
                    <a:pt x="1015" y="762"/>
                  </a:lnTo>
                  <a:lnTo>
                    <a:pt x="2031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F5C700"/>
            </a:solidFill>
            <a:ln>
              <a:noFill/>
            </a:ln>
          </p:spPr>
          <p:txBody>
            <a:bodyPr anchor="ctr"/>
            <a:lstStyle/>
            <a:p>
              <a:pPr algn="ctr"/>
              <a:endParaRPr>
                <a:cs typeface="+mn-ea"/>
                <a:sym typeface="+mn-lt"/>
              </a:endParaRPr>
            </a:p>
          </p:txBody>
        </p:sp>
        <p:sp>
          <p:nvSpPr>
            <p:cNvPr id="73" name="Freeform: Shape 25"/>
            <p:cNvSpPr/>
            <p:nvPr/>
          </p:nvSpPr>
          <p:spPr bwMode="auto">
            <a:xfrm>
              <a:off x="4996251" y="2169467"/>
              <a:ext cx="1575297" cy="1575295"/>
            </a:xfrm>
            <a:custGeom>
              <a:avLst/>
              <a:gdLst>
                <a:gd name="T0" fmla="*/ 0 w 2905"/>
                <a:gd name="T1" fmla="*/ 1742 h 2903"/>
                <a:gd name="T2" fmla="*/ 61 w 2905"/>
                <a:gd name="T3" fmla="*/ 1744 h 2903"/>
                <a:gd name="T4" fmla="*/ 178 w 2905"/>
                <a:gd name="T5" fmla="*/ 1755 h 2903"/>
                <a:gd name="T6" fmla="*/ 291 w 2905"/>
                <a:gd name="T7" fmla="*/ 1778 h 2903"/>
                <a:gd name="T8" fmla="*/ 399 w 2905"/>
                <a:gd name="T9" fmla="*/ 1811 h 2903"/>
                <a:gd name="T10" fmla="*/ 504 w 2905"/>
                <a:gd name="T11" fmla="*/ 1855 h 2903"/>
                <a:gd name="T12" fmla="*/ 603 w 2905"/>
                <a:gd name="T13" fmla="*/ 1910 h 2903"/>
                <a:gd name="T14" fmla="*/ 696 w 2905"/>
                <a:gd name="T15" fmla="*/ 1973 h 2903"/>
                <a:gd name="T16" fmla="*/ 782 w 2905"/>
                <a:gd name="T17" fmla="*/ 2044 h 2903"/>
                <a:gd name="T18" fmla="*/ 861 w 2905"/>
                <a:gd name="T19" fmla="*/ 2123 h 2903"/>
                <a:gd name="T20" fmla="*/ 931 w 2905"/>
                <a:gd name="T21" fmla="*/ 2209 h 2903"/>
                <a:gd name="T22" fmla="*/ 995 w 2905"/>
                <a:gd name="T23" fmla="*/ 2300 h 2903"/>
                <a:gd name="T24" fmla="*/ 1048 w 2905"/>
                <a:gd name="T25" fmla="*/ 2399 h 2903"/>
                <a:gd name="T26" fmla="*/ 1092 w 2905"/>
                <a:gd name="T27" fmla="*/ 2504 h 2903"/>
                <a:gd name="T28" fmla="*/ 1125 w 2905"/>
                <a:gd name="T29" fmla="*/ 2614 h 2903"/>
                <a:gd name="T30" fmla="*/ 1148 w 2905"/>
                <a:gd name="T31" fmla="*/ 2725 h 2903"/>
                <a:gd name="T32" fmla="*/ 1161 w 2905"/>
                <a:gd name="T33" fmla="*/ 2843 h 2903"/>
                <a:gd name="T34" fmla="*/ 2905 w 2905"/>
                <a:gd name="T35" fmla="*/ 2903 h 2903"/>
                <a:gd name="T36" fmla="*/ 2903 w 2905"/>
                <a:gd name="T37" fmla="*/ 2828 h 2903"/>
                <a:gd name="T38" fmla="*/ 2896 w 2905"/>
                <a:gd name="T39" fmla="*/ 2680 h 2903"/>
                <a:gd name="T40" fmla="*/ 2881 w 2905"/>
                <a:gd name="T41" fmla="*/ 2533 h 2903"/>
                <a:gd name="T42" fmla="*/ 2859 w 2905"/>
                <a:gd name="T43" fmla="*/ 2388 h 2903"/>
                <a:gd name="T44" fmla="*/ 2830 w 2905"/>
                <a:gd name="T45" fmla="*/ 2247 h 2903"/>
                <a:gd name="T46" fmla="*/ 2793 w 2905"/>
                <a:gd name="T47" fmla="*/ 2108 h 2903"/>
                <a:gd name="T48" fmla="*/ 2751 w 2905"/>
                <a:gd name="T49" fmla="*/ 1973 h 2903"/>
                <a:gd name="T50" fmla="*/ 2703 w 2905"/>
                <a:gd name="T51" fmla="*/ 1839 h 2903"/>
                <a:gd name="T52" fmla="*/ 2648 w 2905"/>
                <a:gd name="T53" fmla="*/ 1709 h 2903"/>
                <a:gd name="T54" fmla="*/ 2586 w 2905"/>
                <a:gd name="T55" fmla="*/ 1581 h 2903"/>
                <a:gd name="T56" fmla="*/ 2520 w 2905"/>
                <a:gd name="T57" fmla="*/ 1458 h 2903"/>
                <a:gd name="T58" fmla="*/ 2447 w 2905"/>
                <a:gd name="T59" fmla="*/ 1339 h 2903"/>
                <a:gd name="T60" fmla="*/ 2368 w 2905"/>
                <a:gd name="T61" fmla="*/ 1222 h 2903"/>
                <a:gd name="T62" fmla="*/ 2284 w 2905"/>
                <a:gd name="T63" fmla="*/ 1110 h 2903"/>
                <a:gd name="T64" fmla="*/ 2196 w 2905"/>
                <a:gd name="T65" fmla="*/ 1004 h 2903"/>
                <a:gd name="T66" fmla="*/ 2103 w 2905"/>
                <a:gd name="T67" fmla="*/ 899 h 2903"/>
                <a:gd name="T68" fmla="*/ 2004 w 2905"/>
                <a:gd name="T69" fmla="*/ 800 h 2903"/>
                <a:gd name="T70" fmla="*/ 1901 w 2905"/>
                <a:gd name="T71" fmla="*/ 707 h 2903"/>
                <a:gd name="T72" fmla="*/ 1793 w 2905"/>
                <a:gd name="T73" fmla="*/ 619 h 2903"/>
                <a:gd name="T74" fmla="*/ 1681 w 2905"/>
                <a:gd name="T75" fmla="*/ 535 h 2903"/>
                <a:gd name="T76" fmla="*/ 1566 w 2905"/>
                <a:gd name="T77" fmla="*/ 456 h 2903"/>
                <a:gd name="T78" fmla="*/ 1445 w 2905"/>
                <a:gd name="T79" fmla="*/ 385 h 2903"/>
                <a:gd name="T80" fmla="*/ 1322 w 2905"/>
                <a:gd name="T81" fmla="*/ 317 h 2903"/>
                <a:gd name="T82" fmla="*/ 1196 w 2905"/>
                <a:gd name="T83" fmla="*/ 256 h 2903"/>
                <a:gd name="T84" fmla="*/ 1066 w 2905"/>
                <a:gd name="T85" fmla="*/ 201 h 2903"/>
                <a:gd name="T86" fmla="*/ 932 w 2905"/>
                <a:gd name="T87" fmla="*/ 152 h 2903"/>
                <a:gd name="T88" fmla="*/ 795 w 2905"/>
                <a:gd name="T89" fmla="*/ 110 h 2903"/>
                <a:gd name="T90" fmla="*/ 656 w 2905"/>
                <a:gd name="T91" fmla="*/ 73 h 2903"/>
                <a:gd name="T92" fmla="*/ 515 w 2905"/>
                <a:gd name="T93" fmla="*/ 44 h 2903"/>
                <a:gd name="T94" fmla="*/ 370 w 2905"/>
                <a:gd name="T95" fmla="*/ 22 h 2903"/>
                <a:gd name="T96" fmla="*/ 224 w 2905"/>
                <a:gd name="T97" fmla="*/ 7 h 2903"/>
                <a:gd name="T98" fmla="*/ 75 w 2905"/>
                <a:gd name="T99" fmla="*/ 0 h 2903"/>
                <a:gd name="T100" fmla="*/ 0 w 2905"/>
                <a:gd name="T101" fmla="*/ 0 h 290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</a:cxnLst>
              <a:rect l="0" t="0" r="r" b="b"/>
              <a:pathLst>
                <a:path w="2905" h="2903">
                  <a:moveTo>
                    <a:pt x="0" y="0"/>
                  </a:moveTo>
                  <a:lnTo>
                    <a:pt x="0" y="1742"/>
                  </a:lnTo>
                  <a:lnTo>
                    <a:pt x="0" y="1742"/>
                  </a:lnTo>
                  <a:lnTo>
                    <a:pt x="61" y="1744"/>
                  </a:lnTo>
                  <a:lnTo>
                    <a:pt x="119" y="1747"/>
                  </a:lnTo>
                  <a:lnTo>
                    <a:pt x="178" y="1755"/>
                  </a:lnTo>
                  <a:lnTo>
                    <a:pt x="235" y="1766"/>
                  </a:lnTo>
                  <a:lnTo>
                    <a:pt x="291" y="1778"/>
                  </a:lnTo>
                  <a:lnTo>
                    <a:pt x="346" y="1793"/>
                  </a:lnTo>
                  <a:lnTo>
                    <a:pt x="399" y="1811"/>
                  </a:lnTo>
                  <a:lnTo>
                    <a:pt x="453" y="1833"/>
                  </a:lnTo>
                  <a:lnTo>
                    <a:pt x="504" y="1855"/>
                  </a:lnTo>
                  <a:lnTo>
                    <a:pt x="555" y="1881"/>
                  </a:lnTo>
                  <a:lnTo>
                    <a:pt x="603" y="1910"/>
                  </a:lnTo>
                  <a:lnTo>
                    <a:pt x="650" y="1940"/>
                  </a:lnTo>
                  <a:lnTo>
                    <a:pt x="696" y="1973"/>
                  </a:lnTo>
                  <a:lnTo>
                    <a:pt x="740" y="2007"/>
                  </a:lnTo>
                  <a:lnTo>
                    <a:pt x="782" y="2044"/>
                  </a:lnTo>
                  <a:lnTo>
                    <a:pt x="823" y="2082"/>
                  </a:lnTo>
                  <a:lnTo>
                    <a:pt x="861" y="2123"/>
                  </a:lnTo>
                  <a:lnTo>
                    <a:pt x="898" y="2165"/>
                  </a:lnTo>
                  <a:lnTo>
                    <a:pt x="931" y="2209"/>
                  </a:lnTo>
                  <a:lnTo>
                    <a:pt x="964" y="2253"/>
                  </a:lnTo>
                  <a:lnTo>
                    <a:pt x="995" y="2300"/>
                  </a:lnTo>
                  <a:lnTo>
                    <a:pt x="1022" y="2350"/>
                  </a:lnTo>
                  <a:lnTo>
                    <a:pt x="1048" y="2399"/>
                  </a:lnTo>
                  <a:lnTo>
                    <a:pt x="1072" y="2451"/>
                  </a:lnTo>
                  <a:lnTo>
                    <a:pt x="1092" y="2504"/>
                  </a:lnTo>
                  <a:lnTo>
                    <a:pt x="1110" y="2557"/>
                  </a:lnTo>
                  <a:lnTo>
                    <a:pt x="1125" y="2614"/>
                  </a:lnTo>
                  <a:lnTo>
                    <a:pt x="1139" y="2669"/>
                  </a:lnTo>
                  <a:lnTo>
                    <a:pt x="1148" y="2725"/>
                  </a:lnTo>
                  <a:lnTo>
                    <a:pt x="1156" y="2784"/>
                  </a:lnTo>
                  <a:lnTo>
                    <a:pt x="1161" y="2843"/>
                  </a:lnTo>
                  <a:lnTo>
                    <a:pt x="1161" y="2903"/>
                  </a:lnTo>
                  <a:lnTo>
                    <a:pt x="2905" y="2903"/>
                  </a:lnTo>
                  <a:lnTo>
                    <a:pt x="2905" y="2903"/>
                  </a:lnTo>
                  <a:lnTo>
                    <a:pt x="2903" y="2828"/>
                  </a:lnTo>
                  <a:lnTo>
                    <a:pt x="2901" y="2753"/>
                  </a:lnTo>
                  <a:lnTo>
                    <a:pt x="2896" y="2680"/>
                  </a:lnTo>
                  <a:lnTo>
                    <a:pt x="2888" y="2606"/>
                  </a:lnTo>
                  <a:lnTo>
                    <a:pt x="2881" y="2533"/>
                  </a:lnTo>
                  <a:lnTo>
                    <a:pt x="2870" y="2462"/>
                  </a:lnTo>
                  <a:lnTo>
                    <a:pt x="2859" y="2388"/>
                  </a:lnTo>
                  <a:lnTo>
                    <a:pt x="2844" y="2319"/>
                  </a:lnTo>
                  <a:lnTo>
                    <a:pt x="2830" y="2247"/>
                  </a:lnTo>
                  <a:lnTo>
                    <a:pt x="2813" y="2178"/>
                  </a:lnTo>
                  <a:lnTo>
                    <a:pt x="2793" y="2108"/>
                  </a:lnTo>
                  <a:lnTo>
                    <a:pt x="2773" y="2040"/>
                  </a:lnTo>
                  <a:lnTo>
                    <a:pt x="2751" y="1973"/>
                  </a:lnTo>
                  <a:lnTo>
                    <a:pt x="2727" y="1905"/>
                  </a:lnTo>
                  <a:lnTo>
                    <a:pt x="2703" y="1839"/>
                  </a:lnTo>
                  <a:lnTo>
                    <a:pt x="2676" y="1773"/>
                  </a:lnTo>
                  <a:lnTo>
                    <a:pt x="2648" y="1709"/>
                  </a:lnTo>
                  <a:lnTo>
                    <a:pt x="2617" y="1645"/>
                  </a:lnTo>
                  <a:lnTo>
                    <a:pt x="2586" y="1581"/>
                  </a:lnTo>
                  <a:lnTo>
                    <a:pt x="2553" y="1518"/>
                  </a:lnTo>
                  <a:lnTo>
                    <a:pt x="2520" y="1458"/>
                  </a:lnTo>
                  <a:lnTo>
                    <a:pt x="2483" y="1397"/>
                  </a:lnTo>
                  <a:lnTo>
                    <a:pt x="2447" y="1339"/>
                  </a:lnTo>
                  <a:lnTo>
                    <a:pt x="2408" y="1280"/>
                  </a:lnTo>
                  <a:lnTo>
                    <a:pt x="2368" y="1222"/>
                  </a:lnTo>
                  <a:lnTo>
                    <a:pt x="2328" y="1165"/>
                  </a:lnTo>
                  <a:lnTo>
                    <a:pt x="2284" y="1110"/>
                  </a:lnTo>
                  <a:lnTo>
                    <a:pt x="2242" y="1057"/>
                  </a:lnTo>
                  <a:lnTo>
                    <a:pt x="2196" y="1004"/>
                  </a:lnTo>
                  <a:lnTo>
                    <a:pt x="2150" y="951"/>
                  </a:lnTo>
                  <a:lnTo>
                    <a:pt x="2103" y="899"/>
                  </a:lnTo>
                  <a:lnTo>
                    <a:pt x="2053" y="850"/>
                  </a:lnTo>
                  <a:lnTo>
                    <a:pt x="2004" y="800"/>
                  </a:lnTo>
                  <a:lnTo>
                    <a:pt x="1952" y="755"/>
                  </a:lnTo>
                  <a:lnTo>
                    <a:pt x="1901" y="707"/>
                  </a:lnTo>
                  <a:lnTo>
                    <a:pt x="1848" y="663"/>
                  </a:lnTo>
                  <a:lnTo>
                    <a:pt x="1793" y="619"/>
                  </a:lnTo>
                  <a:lnTo>
                    <a:pt x="1738" y="577"/>
                  </a:lnTo>
                  <a:lnTo>
                    <a:pt x="1681" y="535"/>
                  </a:lnTo>
                  <a:lnTo>
                    <a:pt x="1625" y="495"/>
                  </a:lnTo>
                  <a:lnTo>
                    <a:pt x="1566" y="456"/>
                  </a:lnTo>
                  <a:lnTo>
                    <a:pt x="1506" y="419"/>
                  </a:lnTo>
                  <a:lnTo>
                    <a:pt x="1445" y="385"/>
                  </a:lnTo>
                  <a:lnTo>
                    <a:pt x="1385" y="350"/>
                  </a:lnTo>
                  <a:lnTo>
                    <a:pt x="1322" y="317"/>
                  </a:lnTo>
                  <a:lnTo>
                    <a:pt x="1260" y="286"/>
                  </a:lnTo>
                  <a:lnTo>
                    <a:pt x="1196" y="256"/>
                  </a:lnTo>
                  <a:lnTo>
                    <a:pt x="1130" y="227"/>
                  </a:lnTo>
                  <a:lnTo>
                    <a:pt x="1066" y="201"/>
                  </a:lnTo>
                  <a:lnTo>
                    <a:pt x="998" y="176"/>
                  </a:lnTo>
                  <a:lnTo>
                    <a:pt x="932" y="152"/>
                  </a:lnTo>
                  <a:lnTo>
                    <a:pt x="865" y="130"/>
                  </a:lnTo>
                  <a:lnTo>
                    <a:pt x="795" y="110"/>
                  </a:lnTo>
                  <a:lnTo>
                    <a:pt x="725" y="92"/>
                  </a:lnTo>
                  <a:lnTo>
                    <a:pt x="656" y="73"/>
                  </a:lnTo>
                  <a:lnTo>
                    <a:pt x="586" y="59"/>
                  </a:lnTo>
                  <a:lnTo>
                    <a:pt x="515" y="44"/>
                  </a:lnTo>
                  <a:lnTo>
                    <a:pt x="443" y="33"/>
                  </a:lnTo>
                  <a:lnTo>
                    <a:pt x="370" y="22"/>
                  </a:lnTo>
                  <a:lnTo>
                    <a:pt x="297" y="15"/>
                  </a:lnTo>
                  <a:lnTo>
                    <a:pt x="224" y="7"/>
                  </a:lnTo>
                  <a:lnTo>
                    <a:pt x="150" y="4"/>
                  </a:lnTo>
                  <a:lnTo>
                    <a:pt x="75" y="0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  <p:sp>
          <p:nvSpPr>
            <p:cNvPr id="74" name="Freeform: Shape 26"/>
            <p:cNvSpPr/>
            <p:nvPr/>
          </p:nvSpPr>
          <p:spPr bwMode="auto">
            <a:xfrm>
              <a:off x="5417452" y="3285940"/>
              <a:ext cx="1362143" cy="510803"/>
            </a:xfrm>
            <a:custGeom>
              <a:avLst/>
              <a:gdLst>
                <a:gd name="T0" fmla="*/ 2032 w 2032"/>
                <a:gd name="T1" fmla="*/ 762 h 762"/>
                <a:gd name="T2" fmla="*/ 1016 w 2032"/>
                <a:gd name="T3" fmla="*/ 0 h 762"/>
                <a:gd name="T4" fmla="*/ 0 w 2032"/>
                <a:gd name="T5" fmla="*/ 762 h 762"/>
                <a:gd name="T6" fmla="*/ 2032 w 2032"/>
                <a:gd name="T7" fmla="*/ 762 h 76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032" h="762">
                  <a:moveTo>
                    <a:pt x="2032" y="762"/>
                  </a:moveTo>
                  <a:lnTo>
                    <a:pt x="1016" y="0"/>
                  </a:lnTo>
                  <a:lnTo>
                    <a:pt x="0" y="762"/>
                  </a:lnTo>
                  <a:lnTo>
                    <a:pt x="2032" y="762"/>
                  </a:lnTo>
                  <a:close/>
                </a:path>
              </a:pathLst>
            </a:custGeom>
            <a:solidFill>
              <a:srgbClr val="1D4251"/>
            </a:solidFill>
            <a:ln>
              <a:noFill/>
            </a:ln>
          </p:spPr>
          <p:txBody>
            <a:bodyPr vert="horz" wrap="square" lIns="91440" tIns="45720" rIns="91440" bIns="45720" numCol="1" anchor="t" anchorCtr="0" compatLnSpc="1"/>
            <a:lstStyle/>
            <a:p>
              <a:endParaRPr>
                <a:cs typeface="+mn-ea"/>
                <a:sym typeface="+mn-lt"/>
              </a:endParaRPr>
            </a:p>
          </p:txBody>
        </p:sp>
      </p:grpSp>
      <p:pic>
        <p:nvPicPr>
          <p:cNvPr id="3" name="Picture 2"/>
          <p:cNvPicPr>
            <a:picLocks noChangeAspect="1"/>
          </p:cNvPicPr>
          <p:nvPr/>
        </p:nvPicPr>
        <p:blipFill>
          <a:blip r:embed="rId1"/>
          <a:stretch>
            <a:fillRect/>
          </a:stretch>
        </p:blipFill>
        <p:spPr>
          <a:xfrm>
            <a:off x="511429" y="864598"/>
            <a:ext cx="4142555" cy="2195345"/>
          </a:xfrm>
          <a:prstGeom prst="rect">
            <a:avLst/>
          </a:prstGeom>
          <a:ln w="38100" cap="sq">
            <a:solidFill>
              <a:srgbClr val="000000"/>
            </a:solidFill>
            <a:prstDash val="solid"/>
            <a:miter lim="800000"/>
            <a:headEnd/>
            <a:tailEnd/>
          </a:ln>
          <a:effectLst>
            <a:outerShdw blurRad="50800" dist="38100" dir="2700000" algn="tl" rotWithShape="0">
              <a:srgbClr val="000000">
                <a:alpha val="43000"/>
              </a:srgbClr>
            </a:outerShdw>
          </a:effectLst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032694" y="811849"/>
            <a:ext cx="6111770" cy="2248095"/>
          </a:xfrm>
          <a:prstGeom prst="rect">
            <a:avLst/>
          </a:prstGeom>
          <a:ln w="38100" cap="sq">
            <a:solidFill>
              <a:srgbClr val="000000"/>
            </a:solidFill>
            <a:prstDash val="solid"/>
            <a:miter lim="800000"/>
            <a:headEnd/>
            <a:tailEnd/>
          </a:ln>
          <a:effectLst>
            <a:outerShdw blurRad="50800" dist="38100" dir="2700000" algn="tl" rotWithShape="0">
              <a:srgbClr val="000000">
                <a:alpha val="43000"/>
              </a:srgbClr>
            </a:outerShdw>
          </a:effec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04108" y="3643069"/>
            <a:ext cx="5532599" cy="2248095"/>
          </a:xfrm>
          <a:prstGeom prst="rect">
            <a:avLst/>
          </a:prstGeom>
          <a:ln w="88900" cap="sq" cmpd="thickThin">
            <a:solidFill>
              <a:srgbClr val="000000"/>
            </a:solidFill>
            <a:prstDash val="solid"/>
            <a:miter lim="800000"/>
            <a:headEnd/>
            <a:tailEnd/>
          </a:ln>
          <a:effectLst>
            <a:innerShdw blurRad="76200">
              <a:srgbClr val="000000"/>
            </a:innerShdw>
          </a:effectLst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158329" y="3610570"/>
            <a:ext cx="5846902" cy="2248095"/>
          </a:xfrm>
          <a:prstGeom prst="roundRect">
            <a:avLst>
              <a:gd name="adj" fmla="val 4167"/>
            </a:avLst>
          </a:prstGeom>
          <a:solidFill>
            <a:srgbClr val="FFFFFF"/>
          </a:solidFill>
          <a:ln w="76200" cap="sq">
            <a:solidFill>
              <a:srgbClr val="292929"/>
            </a:solidFill>
            <a:miter lim="800000"/>
            <a:headEnd/>
            <a:tailEnd/>
          </a:ln>
          <a:effectLst>
            <a:reflection blurRad="12700" stA="28000" endPos="28000" dist="5000" dir="5400000" sy="-100000" algn="bl" rotWithShape="0"/>
          </a:effectLst>
          <a:scene3d>
            <a:camera prst="orthographicFront"/>
            <a:lightRig rig="threePt" dir="t">
              <a:rot lat="0" lon="0" rev="2700000"/>
            </a:lightRig>
          </a:scene3d>
          <a:sp3d>
            <a:bevelT h="38100"/>
            <a:contourClr>
              <a:srgbClr val="C0C0C0"/>
            </a:contourClr>
          </a:sp3d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  <p:par>
                                <p:cTn id="21" presetID="26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4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29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30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31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32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33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34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35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36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57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8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5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61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62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  <p:bldP spid="14" grpId="0"/>
      <p:bldP spid="18" grpId="0"/>
      <p:bldP spid="22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42"/>
          <p:cNvSpPr/>
          <p:nvPr/>
        </p:nvSpPr>
        <p:spPr>
          <a:xfrm>
            <a:off x="2458517" y="1784430"/>
            <a:ext cx="1953629" cy="199793"/>
          </a:xfrm>
          <a:prstGeom prst="rect">
            <a:avLst/>
          </a:prstGeom>
        </p:spPr>
        <p:txBody>
          <a:bodyPr wrap="none" lIns="95928" tIns="0" rIns="95928" bIns="0">
            <a:noAutofit/>
          </a:bodyPr>
          <a:lstStyle/>
          <a:p>
            <a:pPr algn="r"/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Thiết</a:t>
            </a:r>
            <a:r>
              <a:rPr lang="en-US" altLang="zh-CN" sz="24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kế</a:t>
            </a:r>
            <a:r>
              <a:rPr lang="en-US" altLang="zh-CN" sz="24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bảng</a:t>
            </a:r>
            <a:r>
              <a:rPr lang="en-US" altLang="zh-CN" sz="24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tuần</a:t>
            </a:r>
            <a:r>
              <a:rPr lang="en-US" altLang="zh-CN" sz="24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hoàn</a:t>
            </a:r>
            <a:endParaRPr lang="zh-CN" altLang="en-US" sz="2400" b="1" dirty="0">
              <a:solidFill>
                <a:srgbClr val="1D4251"/>
              </a:solidFill>
              <a:cs typeface="+mn-ea"/>
              <a:sym typeface="+mn-lt"/>
            </a:endParaRPr>
          </a:p>
        </p:txBody>
      </p:sp>
      <p:sp>
        <p:nvSpPr>
          <p:cNvPr id="15" name="Rectangle 40"/>
          <p:cNvSpPr/>
          <p:nvPr/>
        </p:nvSpPr>
        <p:spPr>
          <a:xfrm>
            <a:off x="7280252" y="1984223"/>
            <a:ext cx="1993969" cy="199793"/>
          </a:xfrm>
          <a:prstGeom prst="rect">
            <a:avLst/>
          </a:prstGeom>
        </p:spPr>
        <p:txBody>
          <a:bodyPr wrap="none" lIns="95928" tIns="0" rIns="95928" bIns="0">
            <a:noAutofit/>
          </a:bodyPr>
          <a:lstStyle/>
          <a:p>
            <a:r>
              <a:rPr lang="en-US" altLang="zh-CN" sz="2400" b="1" dirty="0" err="1">
                <a:solidFill>
                  <a:srgbClr val="C91324"/>
                </a:solidFill>
                <a:cs typeface="+mn-ea"/>
                <a:sym typeface="+mn-lt"/>
              </a:rPr>
              <a:t>Tạo</a:t>
            </a:r>
            <a:r>
              <a:rPr lang="en-US" altLang="zh-CN" sz="2400" b="1" dirty="0">
                <a:solidFill>
                  <a:srgbClr val="C91324"/>
                </a:solidFill>
                <a:cs typeface="+mn-ea"/>
                <a:sym typeface="+mn-lt"/>
              </a:rPr>
              <a:t> chatbot ChatGPT</a:t>
            </a:r>
            <a:endParaRPr lang="zh-CN" altLang="en-US" sz="2400" b="1" dirty="0">
              <a:solidFill>
                <a:srgbClr val="C91324"/>
              </a:solidFill>
              <a:cs typeface="+mn-ea"/>
              <a:sym typeface="+mn-lt"/>
            </a:endParaRPr>
          </a:p>
        </p:txBody>
      </p:sp>
      <p:sp>
        <p:nvSpPr>
          <p:cNvPr id="18" name="Rectangle 38"/>
          <p:cNvSpPr/>
          <p:nvPr/>
        </p:nvSpPr>
        <p:spPr>
          <a:xfrm>
            <a:off x="2389874" y="3325775"/>
            <a:ext cx="1953631" cy="199793"/>
          </a:xfrm>
          <a:prstGeom prst="rect">
            <a:avLst/>
          </a:prstGeom>
        </p:spPr>
        <p:txBody>
          <a:bodyPr wrap="none" lIns="95928" tIns="0" rIns="95928" bIns="0">
            <a:noAutofit/>
          </a:bodyPr>
          <a:lstStyle/>
          <a:p>
            <a:pPr algn="r"/>
            <a:r>
              <a:rPr lang="en-US" altLang="zh-CN" sz="2400" b="1" dirty="0" err="1">
                <a:solidFill>
                  <a:srgbClr val="162F81"/>
                </a:solidFill>
                <a:cs typeface="+mn-ea"/>
                <a:sym typeface="+mn-lt"/>
              </a:rPr>
              <a:t>Chức</a:t>
            </a:r>
            <a:r>
              <a:rPr lang="en-US" altLang="zh-CN" sz="2400" b="1" dirty="0">
                <a:solidFill>
                  <a:srgbClr val="162F8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62F81"/>
                </a:solidFill>
                <a:cs typeface="+mn-ea"/>
                <a:sym typeface="+mn-lt"/>
              </a:rPr>
              <a:t>năng</a:t>
            </a:r>
            <a:r>
              <a:rPr lang="en-US" altLang="zh-CN" sz="2400" b="1" dirty="0">
                <a:solidFill>
                  <a:srgbClr val="162F8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62F81"/>
                </a:solidFill>
                <a:cs typeface="+mn-ea"/>
                <a:sym typeface="+mn-lt"/>
              </a:rPr>
              <a:t>câu</a:t>
            </a:r>
            <a:r>
              <a:rPr lang="en-US" altLang="zh-CN" sz="2400" b="1" dirty="0">
                <a:solidFill>
                  <a:srgbClr val="162F8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62F81"/>
                </a:solidFill>
                <a:cs typeface="+mn-ea"/>
                <a:sym typeface="+mn-lt"/>
              </a:rPr>
              <a:t>hỏi</a:t>
            </a:r>
            <a:r>
              <a:rPr lang="en-US" altLang="zh-CN" sz="2400" b="1" dirty="0">
                <a:solidFill>
                  <a:srgbClr val="162F8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62F81"/>
                </a:solidFill>
                <a:cs typeface="+mn-ea"/>
                <a:sym typeface="+mn-lt"/>
              </a:rPr>
              <a:t>tương</a:t>
            </a:r>
            <a:r>
              <a:rPr lang="en-US" altLang="zh-CN" sz="2400" b="1" dirty="0">
                <a:solidFill>
                  <a:srgbClr val="162F8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62F81"/>
                </a:solidFill>
                <a:cs typeface="+mn-ea"/>
                <a:sym typeface="+mn-lt"/>
              </a:rPr>
              <a:t>tác</a:t>
            </a:r>
            <a:endParaRPr lang="zh-CN" altLang="en-US" sz="2400" b="1" dirty="0">
              <a:solidFill>
                <a:srgbClr val="162F81"/>
              </a:solidFill>
              <a:cs typeface="+mn-ea"/>
              <a:sym typeface="+mn-lt"/>
            </a:endParaRPr>
          </a:p>
        </p:txBody>
      </p:sp>
      <p:sp>
        <p:nvSpPr>
          <p:cNvPr id="21" name="Rectangle 36"/>
          <p:cNvSpPr/>
          <p:nvPr/>
        </p:nvSpPr>
        <p:spPr>
          <a:xfrm>
            <a:off x="8502530" y="3125982"/>
            <a:ext cx="1993969" cy="199793"/>
          </a:xfrm>
          <a:prstGeom prst="rect">
            <a:avLst/>
          </a:prstGeom>
        </p:spPr>
        <p:txBody>
          <a:bodyPr wrap="none" lIns="95928" tIns="0" rIns="95928" bIns="0">
            <a:noAutofit/>
          </a:bodyPr>
          <a:lstStyle/>
          <a:p>
            <a:r>
              <a:rPr lang="en-US" altLang="zh-CN" sz="2400" b="1" dirty="0" err="1">
                <a:solidFill>
                  <a:srgbClr val="8A3E7E"/>
                </a:solidFill>
                <a:cs typeface="+mn-ea"/>
                <a:sym typeface="+mn-lt"/>
              </a:rPr>
              <a:t>Tạo</a:t>
            </a:r>
            <a:r>
              <a:rPr lang="en-US" altLang="zh-CN" sz="2400" b="1" dirty="0">
                <a:solidFill>
                  <a:srgbClr val="8A3E7E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8A3E7E"/>
                </a:solidFill>
                <a:cs typeface="+mn-ea"/>
                <a:sym typeface="+mn-lt"/>
              </a:rPr>
              <a:t>các</a:t>
            </a:r>
            <a:r>
              <a:rPr lang="en-US" altLang="zh-CN" sz="2400" b="1" dirty="0">
                <a:solidFill>
                  <a:srgbClr val="8A3E7E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8A3E7E"/>
                </a:solidFill>
                <a:cs typeface="+mn-ea"/>
                <a:sym typeface="+mn-lt"/>
              </a:rPr>
              <a:t>nút</a:t>
            </a:r>
            <a:r>
              <a:rPr lang="en-US" altLang="zh-CN" sz="2400" b="1" dirty="0">
                <a:solidFill>
                  <a:srgbClr val="8A3E7E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8A3E7E"/>
                </a:solidFill>
                <a:cs typeface="+mn-ea"/>
                <a:sym typeface="+mn-lt"/>
              </a:rPr>
              <a:t>điều</a:t>
            </a:r>
            <a:r>
              <a:rPr lang="en-US" altLang="zh-CN" sz="2400" b="1" dirty="0">
                <a:solidFill>
                  <a:srgbClr val="8A3E7E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8A3E7E"/>
                </a:solidFill>
                <a:cs typeface="+mn-ea"/>
                <a:sym typeface="+mn-lt"/>
              </a:rPr>
              <a:t>hướng</a:t>
            </a:r>
            <a:endParaRPr lang="zh-CN" altLang="en-US" sz="2400" b="1" dirty="0">
              <a:solidFill>
                <a:srgbClr val="8A3E7E"/>
              </a:solidFill>
              <a:cs typeface="+mn-ea"/>
              <a:sym typeface="+mn-lt"/>
            </a:endParaRPr>
          </a:p>
        </p:txBody>
      </p:sp>
      <p:grpSp>
        <p:nvGrpSpPr>
          <p:cNvPr id="22" name="组合 21"/>
          <p:cNvGrpSpPr/>
          <p:nvPr/>
        </p:nvGrpSpPr>
        <p:grpSpPr>
          <a:xfrm>
            <a:off x="5809189" y="1784430"/>
            <a:ext cx="1506371" cy="1506371"/>
            <a:chOff x="4606019" y="1567702"/>
            <a:chExt cx="1129778" cy="1129778"/>
          </a:xfrm>
        </p:grpSpPr>
        <p:sp>
          <p:nvSpPr>
            <p:cNvPr id="23" name="Oval 23"/>
            <p:cNvSpPr/>
            <p:nvPr/>
          </p:nvSpPr>
          <p:spPr>
            <a:xfrm>
              <a:off x="4606019" y="1567702"/>
              <a:ext cx="1129778" cy="1129778"/>
            </a:xfrm>
            <a:prstGeom prst="ellipse">
              <a:avLst/>
            </a:prstGeom>
            <a:solidFill>
              <a:srgbClr val="F5C700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 sz="3200">
                <a:cs typeface="+mn-ea"/>
                <a:sym typeface="+mn-lt"/>
              </a:endParaRPr>
            </a:p>
          </p:txBody>
        </p:sp>
        <p:sp>
          <p:nvSpPr>
            <p:cNvPr id="24" name="text-file-document_69927"/>
            <p:cNvSpPr>
              <a:spLocks noChangeAspect="1"/>
            </p:cNvSpPr>
            <p:nvPr/>
          </p:nvSpPr>
          <p:spPr bwMode="auto">
            <a:xfrm>
              <a:off x="4902013" y="1814175"/>
              <a:ext cx="537789" cy="609685"/>
            </a:xfrm>
            <a:custGeom>
              <a:avLst/>
              <a:gdLst>
                <a:gd name="connsiteX0" fmla="*/ 85348 w 296863"/>
                <a:gd name="connsiteY0" fmla="*/ 236537 h 336550"/>
                <a:gd name="connsiteX1" fmla="*/ 211516 w 296863"/>
                <a:gd name="connsiteY1" fmla="*/ 236537 h 336550"/>
                <a:gd name="connsiteX2" fmla="*/ 228601 w 296863"/>
                <a:gd name="connsiteY2" fmla="*/ 253206 h 336550"/>
                <a:gd name="connsiteX3" fmla="*/ 211516 w 296863"/>
                <a:gd name="connsiteY3" fmla="*/ 269875 h 336550"/>
                <a:gd name="connsiteX4" fmla="*/ 85348 w 296863"/>
                <a:gd name="connsiteY4" fmla="*/ 269875 h 336550"/>
                <a:gd name="connsiteX5" fmla="*/ 68263 w 296863"/>
                <a:gd name="connsiteY5" fmla="*/ 253206 h 336550"/>
                <a:gd name="connsiteX6" fmla="*/ 85348 w 296863"/>
                <a:gd name="connsiteY6" fmla="*/ 236537 h 336550"/>
                <a:gd name="connsiteX7" fmla="*/ 85348 w 296863"/>
                <a:gd name="connsiteY7" fmla="*/ 173037 h 336550"/>
                <a:gd name="connsiteX8" fmla="*/ 211516 w 296863"/>
                <a:gd name="connsiteY8" fmla="*/ 173037 h 336550"/>
                <a:gd name="connsiteX9" fmla="*/ 228601 w 296863"/>
                <a:gd name="connsiteY9" fmla="*/ 190373 h 336550"/>
                <a:gd name="connsiteX10" fmla="*/ 211516 w 296863"/>
                <a:gd name="connsiteY10" fmla="*/ 206375 h 336550"/>
                <a:gd name="connsiteX11" fmla="*/ 85348 w 296863"/>
                <a:gd name="connsiteY11" fmla="*/ 206375 h 336550"/>
                <a:gd name="connsiteX12" fmla="*/ 68263 w 296863"/>
                <a:gd name="connsiteY12" fmla="*/ 190373 h 336550"/>
                <a:gd name="connsiteX13" fmla="*/ 85348 w 296863"/>
                <a:gd name="connsiteY13" fmla="*/ 173037 h 336550"/>
                <a:gd name="connsiteX14" fmla="*/ 164614 w 296863"/>
                <a:gd name="connsiteY14" fmla="*/ 115887 h 336550"/>
                <a:gd name="connsiteX15" fmla="*/ 211625 w 296863"/>
                <a:gd name="connsiteY15" fmla="*/ 115887 h 336550"/>
                <a:gd name="connsiteX16" fmla="*/ 228601 w 296863"/>
                <a:gd name="connsiteY16" fmla="*/ 133349 h 336550"/>
                <a:gd name="connsiteX17" fmla="*/ 211625 w 296863"/>
                <a:gd name="connsiteY17" fmla="*/ 150812 h 336550"/>
                <a:gd name="connsiteX18" fmla="*/ 164614 w 296863"/>
                <a:gd name="connsiteY18" fmla="*/ 150812 h 336550"/>
                <a:gd name="connsiteX19" fmla="*/ 147638 w 296863"/>
                <a:gd name="connsiteY19" fmla="*/ 133349 h 336550"/>
                <a:gd name="connsiteX20" fmla="*/ 164614 w 296863"/>
                <a:gd name="connsiteY20" fmla="*/ 115887 h 336550"/>
                <a:gd name="connsiteX21" fmla="*/ 164614 w 296863"/>
                <a:gd name="connsiteY21" fmla="*/ 61912 h 336550"/>
                <a:gd name="connsiteX22" fmla="*/ 211625 w 296863"/>
                <a:gd name="connsiteY22" fmla="*/ 61912 h 336550"/>
                <a:gd name="connsiteX23" fmla="*/ 228601 w 296863"/>
                <a:gd name="connsiteY23" fmla="*/ 77152 h 336550"/>
                <a:gd name="connsiteX24" fmla="*/ 211625 w 296863"/>
                <a:gd name="connsiteY24" fmla="*/ 93662 h 336550"/>
                <a:gd name="connsiteX25" fmla="*/ 164614 w 296863"/>
                <a:gd name="connsiteY25" fmla="*/ 93662 h 336550"/>
                <a:gd name="connsiteX26" fmla="*/ 147638 w 296863"/>
                <a:gd name="connsiteY26" fmla="*/ 77152 h 336550"/>
                <a:gd name="connsiteX27" fmla="*/ 164614 w 296863"/>
                <a:gd name="connsiteY27" fmla="*/ 61912 h 336550"/>
                <a:gd name="connsiteX28" fmla="*/ 127397 w 296863"/>
                <a:gd name="connsiteY28" fmla="*/ 22225 h 336550"/>
                <a:gd name="connsiteX29" fmla="*/ 127397 w 296863"/>
                <a:gd name="connsiteY29" fmla="*/ 110381 h 336550"/>
                <a:gd name="connsiteX30" fmla="*/ 111621 w 296863"/>
                <a:gd name="connsiteY30" fmla="*/ 124854 h 336550"/>
                <a:gd name="connsiteX31" fmla="*/ 22225 w 296863"/>
                <a:gd name="connsiteY31" fmla="*/ 124854 h 336550"/>
                <a:gd name="connsiteX32" fmla="*/ 22225 w 296863"/>
                <a:gd name="connsiteY32" fmla="*/ 305115 h 336550"/>
                <a:gd name="connsiteX33" fmla="*/ 31427 w 296863"/>
                <a:gd name="connsiteY33" fmla="*/ 314325 h 336550"/>
                <a:gd name="connsiteX34" fmla="*/ 265436 w 296863"/>
                <a:gd name="connsiteY34" fmla="*/ 314325 h 336550"/>
                <a:gd name="connsiteX35" fmla="*/ 274638 w 296863"/>
                <a:gd name="connsiteY35" fmla="*/ 305115 h 336550"/>
                <a:gd name="connsiteX36" fmla="*/ 274638 w 296863"/>
                <a:gd name="connsiteY36" fmla="*/ 31435 h 336550"/>
                <a:gd name="connsiteX37" fmla="*/ 265436 w 296863"/>
                <a:gd name="connsiteY37" fmla="*/ 22225 h 336550"/>
                <a:gd name="connsiteX38" fmla="*/ 127397 w 296863"/>
                <a:gd name="connsiteY38" fmla="*/ 22225 h 336550"/>
                <a:gd name="connsiteX39" fmla="*/ 118220 w 296863"/>
                <a:gd name="connsiteY39" fmla="*/ 0 h 336550"/>
                <a:gd name="connsiteX40" fmla="*/ 265338 w 296863"/>
                <a:gd name="connsiteY40" fmla="*/ 0 h 336550"/>
                <a:gd name="connsiteX41" fmla="*/ 296863 w 296863"/>
                <a:gd name="connsiteY41" fmla="*/ 31551 h 336550"/>
                <a:gd name="connsiteX42" fmla="*/ 296863 w 296863"/>
                <a:gd name="connsiteY42" fmla="*/ 304999 h 336550"/>
                <a:gd name="connsiteX43" fmla="*/ 265338 w 296863"/>
                <a:gd name="connsiteY43" fmla="*/ 336550 h 336550"/>
                <a:gd name="connsiteX44" fmla="*/ 31525 w 296863"/>
                <a:gd name="connsiteY44" fmla="*/ 336550 h 336550"/>
                <a:gd name="connsiteX45" fmla="*/ 0 w 296863"/>
                <a:gd name="connsiteY45" fmla="*/ 304999 h 336550"/>
                <a:gd name="connsiteX46" fmla="*/ 0 w 296863"/>
                <a:gd name="connsiteY46" fmla="*/ 119633 h 336550"/>
                <a:gd name="connsiteX47" fmla="*/ 9195 w 296863"/>
                <a:gd name="connsiteY47" fmla="*/ 97284 h 336550"/>
                <a:gd name="connsiteX48" fmla="*/ 95889 w 296863"/>
                <a:gd name="connsiteY48" fmla="*/ 9202 h 336550"/>
                <a:gd name="connsiteX49" fmla="*/ 118220 w 296863"/>
                <a:gd name="connsiteY49" fmla="*/ 0 h 3365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  <a:cxn ang="0">
                  <a:pos x="connsiteX45" y="connsiteY45"/>
                </a:cxn>
                <a:cxn ang="0">
                  <a:pos x="connsiteX46" y="connsiteY46"/>
                </a:cxn>
                <a:cxn ang="0">
                  <a:pos x="connsiteX47" y="connsiteY47"/>
                </a:cxn>
                <a:cxn ang="0">
                  <a:pos x="connsiteX48" y="connsiteY48"/>
                </a:cxn>
                <a:cxn ang="0">
                  <a:pos x="connsiteX49" y="connsiteY49"/>
                </a:cxn>
              </a:cxnLst>
              <a:rect l="l" t="t" r="r" b="b"/>
              <a:pathLst>
                <a:path w="296863" h="336550">
                  <a:moveTo>
                    <a:pt x="85348" y="236537"/>
                  </a:moveTo>
                  <a:cubicBezTo>
                    <a:pt x="85348" y="236537"/>
                    <a:pt x="85348" y="236537"/>
                    <a:pt x="211516" y="236537"/>
                  </a:cubicBezTo>
                  <a:cubicBezTo>
                    <a:pt x="220716" y="236537"/>
                    <a:pt x="228601" y="244231"/>
                    <a:pt x="228601" y="253206"/>
                  </a:cubicBezTo>
                  <a:cubicBezTo>
                    <a:pt x="228601" y="262182"/>
                    <a:pt x="220716" y="269875"/>
                    <a:pt x="211516" y="269875"/>
                  </a:cubicBezTo>
                  <a:cubicBezTo>
                    <a:pt x="211516" y="269875"/>
                    <a:pt x="211516" y="269875"/>
                    <a:pt x="85348" y="269875"/>
                  </a:cubicBezTo>
                  <a:cubicBezTo>
                    <a:pt x="76149" y="269875"/>
                    <a:pt x="68263" y="262182"/>
                    <a:pt x="68263" y="253206"/>
                  </a:cubicBezTo>
                  <a:cubicBezTo>
                    <a:pt x="68263" y="244231"/>
                    <a:pt x="76149" y="236537"/>
                    <a:pt x="85348" y="236537"/>
                  </a:cubicBezTo>
                  <a:close/>
                  <a:moveTo>
                    <a:pt x="85348" y="173037"/>
                  </a:moveTo>
                  <a:cubicBezTo>
                    <a:pt x="85348" y="173037"/>
                    <a:pt x="85348" y="173037"/>
                    <a:pt x="211516" y="173037"/>
                  </a:cubicBezTo>
                  <a:cubicBezTo>
                    <a:pt x="220716" y="173037"/>
                    <a:pt x="228601" y="181038"/>
                    <a:pt x="228601" y="190373"/>
                  </a:cubicBezTo>
                  <a:cubicBezTo>
                    <a:pt x="228601" y="199707"/>
                    <a:pt x="220716" y="206375"/>
                    <a:pt x="211516" y="206375"/>
                  </a:cubicBezTo>
                  <a:cubicBezTo>
                    <a:pt x="211516" y="206375"/>
                    <a:pt x="211516" y="206375"/>
                    <a:pt x="85348" y="206375"/>
                  </a:cubicBezTo>
                  <a:cubicBezTo>
                    <a:pt x="76149" y="206375"/>
                    <a:pt x="68263" y="199707"/>
                    <a:pt x="68263" y="190373"/>
                  </a:cubicBezTo>
                  <a:cubicBezTo>
                    <a:pt x="68263" y="181038"/>
                    <a:pt x="76149" y="173037"/>
                    <a:pt x="85348" y="173037"/>
                  </a:cubicBezTo>
                  <a:close/>
                  <a:moveTo>
                    <a:pt x="164614" y="115887"/>
                  </a:moveTo>
                  <a:cubicBezTo>
                    <a:pt x="164614" y="115887"/>
                    <a:pt x="164614" y="115887"/>
                    <a:pt x="211625" y="115887"/>
                  </a:cubicBezTo>
                  <a:cubicBezTo>
                    <a:pt x="220766" y="115887"/>
                    <a:pt x="228601" y="123946"/>
                    <a:pt x="228601" y="133349"/>
                  </a:cubicBezTo>
                  <a:cubicBezTo>
                    <a:pt x="228601" y="142752"/>
                    <a:pt x="220766" y="150812"/>
                    <a:pt x="211625" y="150812"/>
                  </a:cubicBezTo>
                  <a:cubicBezTo>
                    <a:pt x="211625" y="150812"/>
                    <a:pt x="211625" y="150812"/>
                    <a:pt x="164614" y="150812"/>
                  </a:cubicBezTo>
                  <a:cubicBezTo>
                    <a:pt x="155473" y="150812"/>
                    <a:pt x="147638" y="142752"/>
                    <a:pt x="147638" y="133349"/>
                  </a:cubicBezTo>
                  <a:cubicBezTo>
                    <a:pt x="147638" y="123946"/>
                    <a:pt x="155473" y="115887"/>
                    <a:pt x="164614" y="115887"/>
                  </a:cubicBezTo>
                  <a:close/>
                  <a:moveTo>
                    <a:pt x="164614" y="61912"/>
                  </a:moveTo>
                  <a:cubicBezTo>
                    <a:pt x="164614" y="61912"/>
                    <a:pt x="164614" y="61912"/>
                    <a:pt x="211625" y="61912"/>
                  </a:cubicBezTo>
                  <a:cubicBezTo>
                    <a:pt x="220766" y="61912"/>
                    <a:pt x="228601" y="68262"/>
                    <a:pt x="228601" y="77152"/>
                  </a:cubicBezTo>
                  <a:cubicBezTo>
                    <a:pt x="228601" y="86042"/>
                    <a:pt x="220766" y="93662"/>
                    <a:pt x="211625" y="93662"/>
                  </a:cubicBezTo>
                  <a:cubicBezTo>
                    <a:pt x="211625" y="93662"/>
                    <a:pt x="211625" y="93662"/>
                    <a:pt x="164614" y="93662"/>
                  </a:cubicBezTo>
                  <a:cubicBezTo>
                    <a:pt x="155473" y="93662"/>
                    <a:pt x="147638" y="86042"/>
                    <a:pt x="147638" y="77152"/>
                  </a:cubicBezTo>
                  <a:cubicBezTo>
                    <a:pt x="147638" y="68262"/>
                    <a:pt x="155473" y="61912"/>
                    <a:pt x="164614" y="61912"/>
                  </a:cubicBezTo>
                  <a:close/>
                  <a:moveTo>
                    <a:pt x="127397" y="22225"/>
                  </a:moveTo>
                  <a:cubicBezTo>
                    <a:pt x="127397" y="22225"/>
                    <a:pt x="127397" y="22225"/>
                    <a:pt x="127397" y="110381"/>
                  </a:cubicBezTo>
                  <a:cubicBezTo>
                    <a:pt x="127397" y="118276"/>
                    <a:pt x="119509" y="124854"/>
                    <a:pt x="111621" y="124854"/>
                  </a:cubicBezTo>
                  <a:cubicBezTo>
                    <a:pt x="111621" y="124854"/>
                    <a:pt x="111621" y="124854"/>
                    <a:pt x="22225" y="124854"/>
                  </a:cubicBezTo>
                  <a:cubicBezTo>
                    <a:pt x="22225" y="124854"/>
                    <a:pt x="22225" y="124854"/>
                    <a:pt x="22225" y="305115"/>
                  </a:cubicBezTo>
                  <a:cubicBezTo>
                    <a:pt x="22225" y="310378"/>
                    <a:pt x="26169" y="314325"/>
                    <a:pt x="31427" y="314325"/>
                  </a:cubicBezTo>
                  <a:cubicBezTo>
                    <a:pt x="31427" y="314325"/>
                    <a:pt x="31427" y="314325"/>
                    <a:pt x="265436" y="314325"/>
                  </a:cubicBezTo>
                  <a:cubicBezTo>
                    <a:pt x="270694" y="314325"/>
                    <a:pt x="274638" y="310378"/>
                    <a:pt x="274638" y="305115"/>
                  </a:cubicBezTo>
                  <a:lnTo>
                    <a:pt x="274638" y="31435"/>
                  </a:lnTo>
                  <a:cubicBezTo>
                    <a:pt x="274638" y="26172"/>
                    <a:pt x="270694" y="22225"/>
                    <a:pt x="265436" y="22225"/>
                  </a:cubicBezTo>
                  <a:cubicBezTo>
                    <a:pt x="265436" y="22225"/>
                    <a:pt x="265436" y="22225"/>
                    <a:pt x="127397" y="22225"/>
                  </a:cubicBezTo>
                  <a:close/>
                  <a:moveTo>
                    <a:pt x="118220" y="0"/>
                  </a:moveTo>
                  <a:cubicBezTo>
                    <a:pt x="118220" y="0"/>
                    <a:pt x="118220" y="0"/>
                    <a:pt x="265338" y="0"/>
                  </a:cubicBezTo>
                  <a:cubicBezTo>
                    <a:pt x="282414" y="0"/>
                    <a:pt x="296863" y="14461"/>
                    <a:pt x="296863" y="31551"/>
                  </a:cubicBezTo>
                  <a:cubicBezTo>
                    <a:pt x="296863" y="31551"/>
                    <a:pt x="296863" y="31551"/>
                    <a:pt x="296863" y="304999"/>
                  </a:cubicBezTo>
                  <a:cubicBezTo>
                    <a:pt x="296863" y="322089"/>
                    <a:pt x="282414" y="336550"/>
                    <a:pt x="265338" y="336550"/>
                  </a:cubicBezTo>
                  <a:cubicBezTo>
                    <a:pt x="265338" y="336550"/>
                    <a:pt x="265338" y="336550"/>
                    <a:pt x="31525" y="336550"/>
                  </a:cubicBezTo>
                  <a:cubicBezTo>
                    <a:pt x="14449" y="336550"/>
                    <a:pt x="0" y="322089"/>
                    <a:pt x="0" y="304999"/>
                  </a:cubicBezTo>
                  <a:cubicBezTo>
                    <a:pt x="0" y="304999"/>
                    <a:pt x="0" y="304999"/>
                    <a:pt x="0" y="119633"/>
                  </a:cubicBezTo>
                  <a:cubicBezTo>
                    <a:pt x="0" y="110430"/>
                    <a:pt x="3941" y="102542"/>
                    <a:pt x="9195" y="97284"/>
                  </a:cubicBezTo>
                  <a:cubicBezTo>
                    <a:pt x="9195" y="97284"/>
                    <a:pt x="9195" y="97284"/>
                    <a:pt x="95889" y="9202"/>
                  </a:cubicBezTo>
                  <a:cubicBezTo>
                    <a:pt x="102457" y="3944"/>
                    <a:pt x="110339" y="0"/>
                    <a:pt x="118220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txBody>
            <a:bodyPr/>
            <a:lstStyle/>
            <a:p>
              <a:endParaRPr lang="zh-CN" altLang="en-US">
                <a:cs typeface="+mn-ea"/>
                <a:sym typeface="+mn-lt"/>
              </a:endParaRPr>
            </a:p>
          </p:txBody>
        </p:sp>
      </p:grpSp>
      <p:grpSp>
        <p:nvGrpSpPr>
          <p:cNvPr id="25" name="组合 24"/>
          <p:cNvGrpSpPr/>
          <p:nvPr/>
        </p:nvGrpSpPr>
        <p:grpSpPr>
          <a:xfrm>
            <a:off x="4319502" y="1665040"/>
            <a:ext cx="3552995" cy="3447883"/>
            <a:chOff x="3289877" y="1404524"/>
            <a:chExt cx="2664746" cy="2585912"/>
          </a:xfrm>
        </p:grpSpPr>
        <p:sp>
          <p:nvSpPr>
            <p:cNvPr id="26" name="Freeform: Shape 24"/>
            <p:cNvSpPr/>
            <p:nvPr/>
          </p:nvSpPr>
          <p:spPr>
            <a:xfrm>
              <a:off x="3289877" y="1404524"/>
              <a:ext cx="2664746" cy="2585912"/>
            </a:xfrm>
            <a:custGeom>
              <a:avLst/>
              <a:gdLst>
                <a:gd name="connsiteX0" fmla="*/ 1019651 w 4378642"/>
                <a:gd name="connsiteY0" fmla="*/ 0 h 4249102"/>
                <a:gd name="connsiteX1" fmla="*/ 2039302 w 4378642"/>
                <a:gd name="connsiteY1" fmla="*/ 1019651 h 4249102"/>
                <a:gd name="connsiteX2" fmla="*/ 2034038 w 4378642"/>
                <a:gd name="connsiteY2" fmla="*/ 1123904 h 4249102"/>
                <a:gd name="connsiteX3" fmla="*/ 2031826 w 4378642"/>
                <a:gd name="connsiteY3" fmla="*/ 1138396 h 4249102"/>
                <a:gd name="connsiteX4" fmla="*/ 2031913 w 4378642"/>
                <a:gd name="connsiteY4" fmla="*/ 1138396 h 4249102"/>
                <a:gd name="connsiteX5" fmla="*/ 2030605 w 4378642"/>
                <a:gd name="connsiteY5" fmla="*/ 1146968 h 4249102"/>
                <a:gd name="connsiteX6" fmla="*/ 2025491 w 4378642"/>
                <a:gd name="connsiteY6" fmla="*/ 1248251 h 4249102"/>
                <a:gd name="connsiteX7" fmla="*/ 3016091 w 4378642"/>
                <a:gd name="connsiteY7" fmla="*/ 2238851 h 4249102"/>
                <a:gd name="connsiteX8" fmla="*/ 3117374 w 4378642"/>
                <a:gd name="connsiteY8" fmla="*/ 2233737 h 4249102"/>
                <a:gd name="connsiteX9" fmla="*/ 3187541 w 4378642"/>
                <a:gd name="connsiteY9" fmla="*/ 2223028 h 4249102"/>
                <a:gd name="connsiteX10" fmla="*/ 3187541 w 4378642"/>
                <a:gd name="connsiteY10" fmla="*/ 2225320 h 4249102"/>
                <a:gd name="connsiteX11" fmla="*/ 3254738 w 4378642"/>
                <a:gd name="connsiteY11" fmla="*/ 2215064 h 4249102"/>
                <a:gd name="connsiteX12" fmla="*/ 3358991 w 4378642"/>
                <a:gd name="connsiteY12" fmla="*/ 2209800 h 4249102"/>
                <a:gd name="connsiteX13" fmla="*/ 4378642 w 4378642"/>
                <a:gd name="connsiteY13" fmla="*/ 3229451 h 4249102"/>
                <a:gd name="connsiteX14" fmla="*/ 3358991 w 4378642"/>
                <a:gd name="connsiteY14" fmla="*/ 4249102 h 4249102"/>
                <a:gd name="connsiteX15" fmla="*/ 2339340 w 4378642"/>
                <a:gd name="connsiteY15" fmla="*/ 3229451 h 4249102"/>
                <a:gd name="connsiteX16" fmla="*/ 2344605 w 4378642"/>
                <a:gd name="connsiteY16" fmla="*/ 3125198 h 4249102"/>
                <a:gd name="connsiteX17" fmla="*/ 2350305 w 4378642"/>
                <a:gd name="connsiteY17" fmla="*/ 3087846 h 4249102"/>
                <a:gd name="connsiteX18" fmla="*/ 2348598 w 4378642"/>
                <a:gd name="connsiteY18" fmla="*/ 3087846 h 4249102"/>
                <a:gd name="connsiteX19" fmla="*/ 2353151 w 4378642"/>
                <a:gd name="connsiteY19" fmla="*/ 2997676 h 4249102"/>
                <a:gd name="connsiteX20" fmla="*/ 1362551 w 4378642"/>
                <a:gd name="connsiteY20" fmla="*/ 2007076 h 4249102"/>
                <a:gd name="connsiteX21" fmla="*/ 1261268 w 4378642"/>
                <a:gd name="connsiteY21" fmla="*/ 2012190 h 4249102"/>
                <a:gd name="connsiteX22" fmla="*/ 1233600 w 4378642"/>
                <a:gd name="connsiteY22" fmla="*/ 2016413 h 4249102"/>
                <a:gd name="connsiteX23" fmla="*/ 1225147 w 4378642"/>
                <a:gd name="connsiteY23" fmla="*/ 2018586 h 4249102"/>
                <a:gd name="connsiteX24" fmla="*/ 1019651 w 4378642"/>
                <a:gd name="connsiteY24" fmla="*/ 2039302 h 4249102"/>
                <a:gd name="connsiteX25" fmla="*/ 0 w 4378642"/>
                <a:gd name="connsiteY25" fmla="*/ 1019651 h 4249102"/>
                <a:gd name="connsiteX26" fmla="*/ 1019651 w 4378642"/>
                <a:gd name="connsiteY26" fmla="*/ 0 h 42491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4378642" h="4249102">
                  <a:moveTo>
                    <a:pt x="1019651" y="0"/>
                  </a:moveTo>
                  <a:cubicBezTo>
                    <a:pt x="1582789" y="0"/>
                    <a:pt x="2039302" y="456513"/>
                    <a:pt x="2039302" y="1019651"/>
                  </a:cubicBezTo>
                  <a:cubicBezTo>
                    <a:pt x="2039302" y="1054847"/>
                    <a:pt x="2037519" y="1089627"/>
                    <a:pt x="2034038" y="1123904"/>
                  </a:cubicBezTo>
                  <a:lnTo>
                    <a:pt x="2031826" y="1138396"/>
                  </a:lnTo>
                  <a:lnTo>
                    <a:pt x="2031913" y="1138396"/>
                  </a:lnTo>
                  <a:lnTo>
                    <a:pt x="2030605" y="1146968"/>
                  </a:lnTo>
                  <a:cubicBezTo>
                    <a:pt x="2027224" y="1180269"/>
                    <a:pt x="2025491" y="1214058"/>
                    <a:pt x="2025491" y="1248251"/>
                  </a:cubicBezTo>
                  <a:cubicBezTo>
                    <a:pt x="2025491" y="1795344"/>
                    <a:pt x="2468998" y="2238851"/>
                    <a:pt x="3016091" y="2238851"/>
                  </a:cubicBezTo>
                  <a:cubicBezTo>
                    <a:pt x="3050285" y="2238851"/>
                    <a:pt x="3084073" y="2237119"/>
                    <a:pt x="3117374" y="2233737"/>
                  </a:cubicBezTo>
                  <a:lnTo>
                    <a:pt x="3187541" y="2223028"/>
                  </a:lnTo>
                  <a:lnTo>
                    <a:pt x="3187541" y="2225320"/>
                  </a:lnTo>
                  <a:lnTo>
                    <a:pt x="3254738" y="2215064"/>
                  </a:lnTo>
                  <a:cubicBezTo>
                    <a:pt x="3289015" y="2211583"/>
                    <a:pt x="3323795" y="2209800"/>
                    <a:pt x="3358991" y="2209800"/>
                  </a:cubicBezTo>
                  <a:cubicBezTo>
                    <a:pt x="3922129" y="2209800"/>
                    <a:pt x="4378642" y="2666313"/>
                    <a:pt x="4378642" y="3229451"/>
                  </a:cubicBezTo>
                  <a:cubicBezTo>
                    <a:pt x="4378642" y="3792589"/>
                    <a:pt x="3922129" y="4249102"/>
                    <a:pt x="3358991" y="4249102"/>
                  </a:cubicBezTo>
                  <a:cubicBezTo>
                    <a:pt x="2795853" y="4249102"/>
                    <a:pt x="2339340" y="3792589"/>
                    <a:pt x="2339340" y="3229451"/>
                  </a:cubicBezTo>
                  <a:cubicBezTo>
                    <a:pt x="2339340" y="3194255"/>
                    <a:pt x="2341124" y="3159475"/>
                    <a:pt x="2344605" y="3125198"/>
                  </a:cubicBezTo>
                  <a:lnTo>
                    <a:pt x="2350305" y="3087846"/>
                  </a:lnTo>
                  <a:lnTo>
                    <a:pt x="2348598" y="3087846"/>
                  </a:lnTo>
                  <a:lnTo>
                    <a:pt x="2353151" y="2997676"/>
                  </a:lnTo>
                  <a:cubicBezTo>
                    <a:pt x="2353151" y="2450583"/>
                    <a:pt x="1909644" y="2007076"/>
                    <a:pt x="1362551" y="2007076"/>
                  </a:cubicBezTo>
                  <a:cubicBezTo>
                    <a:pt x="1328358" y="2007076"/>
                    <a:pt x="1294569" y="2008809"/>
                    <a:pt x="1261268" y="2012190"/>
                  </a:cubicBezTo>
                  <a:lnTo>
                    <a:pt x="1233600" y="2016413"/>
                  </a:lnTo>
                  <a:lnTo>
                    <a:pt x="1225147" y="2018586"/>
                  </a:lnTo>
                  <a:cubicBezTo>
                    <a:pt x="1158769" y="2032169"/>
                    <a:pt x="1090043" y="2039302"/>
                    <a:pt x="1019651" y="2039302"/>
                  </a:cubicBezTo>
                  <a:cubicBezTo>
                    <a:pt x="456513" y="2039302"/>
                    <a:pt x="0" y="1582789"/>
                    <a:pt x="0" y="1019651"/>
                  </a:cubicBezTo>
                  <a:cubicBezTo>
                    <a:pt x="0" y="456513"/>
                    <a:pt x="456513" y="0"/>
                    <a:pt x="1019651" y="0"/>
                  </a:cubicBezTo>
                  <a:close/>
                </a:path>
              </a:pathLst>
            </a:custGeom>
            <a:solidFill>
              <a:srgbClr val="1D425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 sz="3200">
                <a:cs typeface="+mn-ea"/>
                <a:sym typeface="+mn-lt"/>
              </a:endParaRPr>
            </a:p>
          </p:txBody>
        </p:sp>
        <p:sp>
          <p:nvSpPr>
            <p:cNvPr id="27" name="computer-monitor_69826"/>
            <p:cNvSpPr>
              <a:spLocks noChangeAspect="1"/>
            </p:cNvSpPr>
            <p:nvPr/>
          </p:nvSpPr>
          <p:spPr bwMode="auto">
            <a:xfrm>
              <a:off x="4990550" y="3084706"/>
              <a:ext cx="609685" cy="569612"/>
            </a:xfrm>
            <a:custGeom>
              <a:avLst/>
              <a:gdLst>
                <a:gd name="connsiteX0" fmla="*/ 159472 w 338138"/>
                <a:gd name="connsiteY0" fmla="*/ 265112 h 315913"/>
                <a:gd name="connsiteX1" fmla="*/ 155575 w 338138"/>
                <a:gd name="connsiteY1" fmla="*/ 269194 h 315913"/>
                <a:gd name="connsiteX2" fmla="*/ 155575 w 338138"/>
                <a:gd name="connsiteY2" fmla="*/ 289605 h 315913"/>
                <a:gd name="connsiteX3" fmla="*/ 158173 w 338138"/>
                <a:gd name="connsiteY3" fmla="*/ 293687 h 315913"/>
                <a:gd name="connsiteX4" fmla="*/ 181553 w 338138"/>
                <a:gd name="connsiteY4" fmla="*/ 293687 h 315913"/>
                <a:gd name="connsiteX5" fmla="*/ 184150 w 338138"/>
                <a:gd name="connsiteY5" fmla="*/ 290966 h 315913"/>
                <a:gd name="connsiteX6" fmla="*/ 184150 w 338138"/>
                <a:gd name="connsiteY6" fmla="*/ 269194 h 315913"/>
                <a:gd name="connsiteX7" fmla="*/ 181553 w 338138"/>
                <a:gd name="connsiteY7" fmla="*/ 265112 h 315913"/>
                <a:gd name="connsiteX8" fmla="*/ 159472 w 338138"/>
                <a:gd name="connsiteY8" fmla="*/ 265112 h 315913"/>
                <a:gd name="connsiteX9" fmla="*/ 169069 w 338138"/>
                <a:gd name="connsiteY9" fmla="*/ 222250 h 315913"/>
                <a:gd name="connsiteX10" fmla="*/ 155575 w 338138"/>
                <a:gd name="connsiteY10" fmla="*/ 235744 h 315913"/>
                <a:gd name="connsiteX11" fmla="*/ 169069 w 338138"/>
                <a:gd name="connsiteY11" fmla="*/ 249238 h 315913"/>
                <a:gd name="connsiteX12" fmla="*/ 182563 w 338138"/>
                <a:gd name="connsiteY12" fmla="*/ 235744 h 315913"/>
                <a:gd name="connsiteX13" fmla="*/ 169069 w 338138"/>
                <a:gd name="connsiteY13" fmla="*/ 222250 h 315913"/>
                <a:gd name="connsiteX14" fmla="*/ 145852 w 338138"/>
                <a:gd name="connsiteY14" fmla="*/ 55033 h 315913"/>
                <a:gd name="connsiteX15" fmla="*/ 157704 w 338138"/>
                <a:gd name="connsiteY15" fmla="*/ 56356 h 315913"/>
                <a:gd name="connsiteX16" fmla="*/ 156388 w 338138"/>
                <a:gd name="connsiteY16" fmla="*/ 68262 h 315913"/>
                <a:gd name="connsiteX17" fmla="*/ 57619 w 338138"/>
                <a:gd name="connsiteY17" fmla="*/ 137054 h 315913"/>
                <a:gd name="connsiteX18" fmla="*/ 53669 w 338138"/>
                <a:gd name="connsiteY18" fmla="*/ 139700 h 315913"/>
                <a:gd name="connsiteX19" fmla="*/ 47084 w 338138"/>
                <a:gd name="connsiteY19" fmla="*/ 135731 h 315913"/>
                <a:gd name="connsiteX20" fmla="*/ 48401 w 338138"/>
                <a:gd name="connsiteY20" fmla="*/ 123825 h 315913"/>
                <a:gd name="connsiteX21" fmla="*/ 145852 w 338138"/>
                <a:gd name="connsiteY21" fmla="*/ 55033 h 315913"/>
                <a:gd name="connsiteX22" fmla="*/ 88577 w 338138"/>
                <a:gd name="connsiteY22" fmla="*/ 47055 h 315913"/>
                <a:gd name="connsiteX23" fmla="*/ 100532 w 338138"/>
                <a:gd name="connsiteY23" fmla="*/ 48358 h 315913"/>
                <a:gd name="connsiteX24" fmla="*/ 99203 w 338138"/>
                <a:gd name="connsiteY24" fmla="*/ 60081 h 315913"/>
                <a:gd name="connsiteX25" fmla="*/ 52712 w 338138"/>
                <a:gd name="connsiteY25" fmla="*/ 92645 h 315913"/>
                <a:gd name="connsiteX26" fmla="*/ 47399 w 338138"/>
                <a:gd name="connsiteY26" fmla="*/ 95250 h 315913"/>
                <a:gd name="connsiteX27" fmla="*/ 40757 w 338138"/>
                <a:gd name="connsiteY27" fmla="*/ 91342 h 315913"/>
                <a:gd name="connsiteX28" fmla="*/ 43414 w 338138"/>
                <a:gd name="connsiteY28" fmla="*/ 79619 h 315913"/>
                <a:gd name="connsiteX29" fmla="*/ 88577 w 338138"/>
                <a:gd name="connsiteY29" fmla="*/ 47055 h 315913"/>
                <a:gd name="connsiteX30" fmla="*/ 35086 w 338138"/>
                <a:gd name="connsiteY30" fmla="*/ 22225 h 315913"/>
                <a:gd name="connsiteX31" fmla="*/ 20637 w 338138"/>
                <a:gd name="connsiteY31" fmla="*/ 35344 h 315913"/>
                <a:gd name="connsiteX32" fmla="*/ 20637 w 338138"/>
                <a:gd name="connsiteY32" fmla="*/ 196707 h 315913"/>
                <a:gd name="connsiteX33" fmla="*/ 35086 w 338138"/>
                <a:gd name="connsiteY33" fmla="*/ 211138 h 315913"/>
                <a:gd name="connsiteX34" fmla="*/ 303051 w 338138"/>
                <a:gd name="connsiteY34" fmla="*/ 211138 h 315913"/>
                <a:gd name="connsiteX35" fmla="*/ 317500 w 338138"/>
                <a:gd name="connsiteY35" fmla="*/ 196707 h 315913"/>
                <a:gd name="connsiteX36" fmla="*/ 317500 w 338138"/>
                <a:gd name="connsiteY36" fmla="*/ 35344 h 315913"/>
                <a:gd name="connsiteX37" fmla="*/ 303051 w 338138"/>
                <a:gd name="connsiteY37" fmla="*/ 22225 h 315913"/>
                <a:gd name="connsiteX38" fmla="*/ 35086 w 338138"/>
                <a:gd name="connsiteY38" fmla="*/ 22225 h 315913"/>
                <a:gd name="connsiteX39" fmla="*/ 14529 w 338138"/>
                <a:gd name="connsiteY39" fmla="*/ 0 h 315913"/>
                <a:gd name="connsiteX40" fmla="*/ 323609 w 338138"/>
                <a:gd name="connsiteY40" fmla="*/ 0 h 315913"/>
                <a:gd name="connsiteX41" fmla="*/ 338138 w 338138"/>
                <a:gd name="connsiteY41" fmla="*/ 13163 h 315913"/>
                <a:gd name="connsiteX42" fmla="*/ 338138 w 338138"/>
                <a:gd name="connsiteY42" fmla="*/ 251414 h 315913"/>
                <a:gd name="connsiteX43" fmla="*/ 323609 w 338138"/>
                <a:gd name="connsiteY43" fmla="*/ 265893 h 315913"/>
                <a:gd name="connsiteX44" fmla="*/ 210016 w 338138"/>
                <a:gd name="connsiteY44" fmla="*/ 265893 h 315913"/>
                <a:gd name="connsiteX45" fmla="*/ 207374 w 338138"/>
                <a:gd name="connsiteY45" fmla="*/ 268526 h 315913"/>
                <a:gd name="connsiteX46" fmla="*/ 207374 w 338138"/>
                <a:gd name="connsiteY46" fmla="*/ 290903 h 315913"/>
                <a:gd name="connsiteX47" fmla="*/ 208695 w 338138"/>
                <a:gd name="connsiteY47" fmla="*/ 293536 h 315913"/>
                <a:gd name="connsiteX48" fmla="*/ 239074 w 338138"/>
                <a:gd name="connsiteY48" fmla="*/ 293536 h 315913"/>
                <a:gd name="connsiteX49" fmla="*/ 250962 w 338138"/>
                <a:gd name="connsiteY49" fmla="*/ 305383 h 315913"/>
                <a:gd name="connsiteX50" fmla="*/ 239074 w 338138"/>
                <a:gd name="connsiteY50" fmla="*/ 315913 h 315913"/>
                <a:gd name="connsiteX51" fmla="*/ 99064 w 338138"/>
                <a:gd name="connsiteY51" fmla="*/ 315913 h 315913"/>
                <a:gd name="connsiteX52" fmla="*/ 87176 w 338138"/>
                <a:gd name="connsiteY52" fmla="*/ 305383 h 315913"/>
                <a:gd name="connsiteX53" fmla="*/ 99064 w 338138"/>
                <a:gd name="connsiteY53" fmla="*/ 293536 h 315913"/>
                <a:gd name="connsiteX54" fmla="*/ 129444 w 338138"/>
                <a:gd name="connsiteY54" fmla="*/ 293536 h 315913"/>
                <a:gd name="connsiteX55" fmla="*/ 130765 w 338138"/>
                <a:gd name="connsiteY55" fmla="*/ 289587 h 315913"/>
                <a:gd name="connsiteX56" fmla="*/ 130765 w 338138"/>
                <a:gd name="connsiteY56" fmla="*/ 268526 h 315913"/>
                <a:gd name="connsiteX57" fmla="*/ 126802 w 338138"/>
                <a:gd name="connsiteY57" fmla="*/ 265893 h 315913"/>
                <a:gd name="connsiteX58" fmla="*/ 14529 w 338138"/>
                <a:gd name="connsiteY58" fmla="*/ 265893 h 315913"/>
                <a:gd name="connsiteX59" fmla="*/ 0 w 338138"/>
                <a:gd name="connsiteY59" fmla="*/ 251414 h 315913"/>
                <a:gd name="connsiteX60" fmla="*/ 0 w 338138"/>
                <a:gd name="connsiteY60" fmla="*/ 13163 h 315913"/>
                <a:gd name="connsiteX61" fmla="*/ 14529 w 338138"/>
                <a:gd name="connsiteY61" fmla="*/ 0 h 31591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  <a:cxn ang="0">
                  <a:pos x="connsiteX45" y="connsiteY45"/>
                </a:cxn>
                <a:cxn ang="0">
                  <a:pos x="connsiteX46" y="connsiteY46"/>
                </a:cxn>
                <a:cxn ang="0">
                  <a:pos x="connsiteX47" y="connsiteY47"/>
                </a:cxn>
                <a:cxn ang="0">
                  <a:pos x="connsiteX48" y="connsiteY48"/>
                </a:cxn>
                <a:cxn ang="0">
                  <a:pos x="connsiteX49" y="connsiteY49"/>
                </a:cxn>
                <a:cxn ang="0">
                  <a:pos x="connsiteX50" y="connsiteY50"/>
                </a:cxn>
                <a:cxn ang="0">
                  <a:pos x="connsiteX51" y="connsiteY51"/>
                </a:cxn>
                <a:cxn ang="0">
                  <a:pos x="connsiteX52" y="connsiteY52"/>
                </a:cxn>
                <a:cxn ang="0">
                  <a:pos x="connsiteX53" y="connsiteY53"/>
                </a:cxn>
                <a:cxn ang="0">
                  <a:pos x="connsiteX54" y="connsiteY54"/>
                </a:cxn>
                <a:cxn ang="0">
                  <a:pos x="connsiteX55" y="connsiteY55"/>
                </a:cxn>
                <a:cxn ang="0">
                  <a:pos x="connsiteX56" y="connsiteY56"/>
                </a:cxn>
                <a:cxn ang="0">
                  <a:pos x="connsiteX57" y="connsiteY57"/>
                </a:cxn>
                <a:cxn ang="0">
                  <a:pos x="connsiteX58" y="connsiteY58"/>
                </a:cxn>
                <a:cxn ang="0">
                  <a:pos x="connsiteX59" y="connsiteY59"/>
                </a:cxn>
                <a:cxn ang="0">
                  <a:pos x="connsiteX60" y="connsiteY60"/>
                </a:cxn>
                <a:cxn ang="0">
                  <a:pos x="connsiteX61" y="connsiteY61"/>
                </a:cxn>
              </a:cxnLst>
              <a:rect l="l" t="t" r="r" b="b"/>
              <a:pathLst>
                <a:path w="338138" h="315913">
                  <a:moveTo>
                    <a:pt x="159472" y="265112"/>
                  </a:moveTo>
                  <a:cubicBezTo>
                    <a:pt x="159472" y="265112"/>
                    <a:pt x="155575" y="265112"/>
                    <a:pt x="155575" y="269194"/>
                  </a:cubicBezTo>
                  <a:cubicBezTo>
                    <a:pt x="155575" y="269194"/>
                    <a:pt x="155575" y="269194"/>
                    <a:pt x="155575" y="289605"/>
                  </a:cubicBezTo>
                  <a:cubicBezTo>
                    <a:pt x="155575" y="292326"/>
                    <a:pt x="155575" y="293687"/>
                    <a:pt x="158173" y="293687"/>
                  </a:cubicBezTo>
                  <a:cubicBezTo>
                    <a:pt x="158173" y="293687"/>
                    <a:pt x="158173" y="293687"/>
                    <a:pt x="181553" y="293687"/>
                  </a:cubicBezTo>
                  <a:cubicBezTo>
                    <a:pt x="182851" y="293687"/>
                    <a:pt x="184150" y="292326"/>
                    <a:pt x="184150" y="290966"/>
                  </a:cubicBezTo>
                  <a:cubicBezTo>
                    <a:pt x="184150" y="290966"/>
                    <a:pt x="184150" y="290966"/>
                    <a:pt x="184150" y="269194"/>
                  </a:cubicBezTo>
                  <a:cubicBezTo>
                    <a:pt x="184150" y="265112"/>
                    <a:pt x="181553" y="265112"/>
                    <a:pt x="181553" y="265112"/>
                  </a:cubicBezTo>
                  <a:cubicBezTo>
                    <a:pt x="181553" y="265112"/>
                    <a:pt x="181553" y="265112"/>
                    <a:pt x="159472" y="265112"/>
                  </a:cubicBezTo>
                  <a:close/>
                  <a:moveTo>
                    <a:pt x="169069" y="222250"/>
                  </a:moveTo>
                  <a:cubicBezTo>
                    <a:pt x="161616" y="222250"/>
                    <a:pt x="155575" y="228291"/>
                    <a:pt x="155575" y="235744"/>
                  </a:cubicBezTo>
                  <a:cubicBezTo>
                    <a:pt x="155575" y="243197"/>
                    <a:pt x="161616" y="249238"/>
                    <a:pt x="169069" y="249238"/>
                  </a:cubicBezTo>
                  <a:cubicBezTo>
                    <a:pt x="176522" y="249238"/>
                    <a:pt x="182563" y="243197"/>
                    <a:pt x="182563" y="235744"/>
                  </a:cubicBezTo>
                  <a:cubicBezTo>
                    <a:pt x="182563" y="228291"/>
                    <a:pt x="176522" y="222250"/>
                    <a:pt x="169069" y="222250"/>
                  </a:cubicBezTo>
                  <a:close/>
                  <a:moveTo>
                    <a:pt x="145852" y="55033"/>
                  </a:moveTo>
                  <a:cubicBezTo>
                    <a:pt x="149803" y="52387"/>
                    <a:pt x="155071" y="52387"/>
                    <a:pt x="157704" y="56356"/>
                  </a:cubicBezTo>
                  <a:cubicBezTo>
                    <a:pt x="160338" y="60325"/>
                    <a:pt x="159021" y="65616"/>
                    <a:pt x="156388" y="68262"/>
                  </a:cubicBezTo>
                  <a:cubicBezTo>
                    <a:pt x="57619" y="137054"/>
                    <a:pt x="57619" y="137054"/>
                    <a:pt x="57619" y="137054"/>
                  </a:cubicBezTo>
                  <a:cubicBezTo>
                    <a:pt x="56302" y="138377"/>
                    <a:pt x="54986" y="139700"/>
                    <a:pt x="53669" y="139700"/>
                  </a:cubicBezTo>
                  <a:cubicBezTo>
                    <a:pt x="51035" y="139700"/>
                    <a:pt x="48401" y="138377"/>
                    <a:pt x="47084" y="135731"/>
                  </a:cubicBezTo>
                  <a:cubicBezTo>
                    <a:pt x="44450" y="131762"/>
                    <a:pt x="44450" y="126471"/>
                    <a:pt x="48401" y="123825"/>
                  </a:cubicBezTo>
                  <a:cubicBezTo>
                    <a:pt x="145852" y="55033"/>
                    <a:pt x="145852" y="55033"/>
                    <a:pt x="145852" y="55033"/>
                  </a:cubicBezTo>
                  <a:close/>
                  <a:moveTo>
                    <a:pt x="88577" y="47055"/>
                  </a:moveTo>
                  <a:cubicBezTo>
                    <a:pt x="92562" y="44450"/>
                    <a:pt x="97875" y="44450"/>
                    <a:pt x="100532" y="48358"/>
                  </a:cubicBezTo>
                  <a:cubicBezTo>
                    <a:pt x="103188" y="52265"/>
                    <a:pt x="101860" y="57476"/>
                    <a:pt x="99203" y="60081"/>
                  </a:cubicBezTo>
                  <a:cubicBezTo>
                    <a:pt x="52712" y="92645"/>
                    <a:pt x="52712" y="92645"/>
                    <a:pt x="52712" y="92645"/>
                  </a:cubicBezTo>
                  <a:cubicBezTo>
                    <a:pt x="51384" y="93947"/>
                    <a:pt x="50055" y="95250"/>
                    <a:pt x="47399" y="95250"/>
                  </a:cubicBezTo>
                  <a:cubicBezTo>
                    <a:pt x="44742" y="95250"/>
                    <a:pt x="42085" y="93947"/>
                    <a:pt x="40757" y="91342"/>
                  </a:cubicBezTo>
                  <a:cubicBezTo>
                    <a:pt x="38100" y="87435"/>
                    <a:pt x="39429" y="82224"/>
                    <a:pt x="43414" y="79619"/>
                  </a:cubicBezTo>
                  <a:cubicBezTo>
                    <a:pt x="88577" y="47055"/>
                    <a:pt x="88577" y="47055"/>
                    <a:pt x="88577" y="47055"/>
                  </a:cubicBezTo>
                  <a:close/>
                  <a:moveTo>
                    <a:pt x="35086" y="22225"/>
                  </a:moveTo>
                  <a:cubicBezTo>
                    <a:pt x="27205" y="22225"/>
                    <a:pt x="20637" y="28785"/>
                    <a:pt x="20637" y="35344"/>
                  </a:cubicBezTo>
                  <a:cubicBezTo>
                    <a:pt x="20637" y="35344"/>
                    <a:pt x="20637" y="35344"/>
                    <a:pt x="20637" y="196707"/>
                  </a:cubicBezTo>
                  <a:cubicBezTo>
                    <a:pt x="20637" y="204579"/>
                    <a:pt x="27205" y="211138"/>
                    <a:pt x="35086" y="211138"/>
                  </a:cubicBezTo>
                  <a:cubicBezTo>
                    <a:pt x="35086" y="211138"/>
                    <a:pt x="35086" y="211138"/>
                    <a:pt x="303051" y="211138"/>
                  </a:cubicBezTo>
                  <a:cubicBezTo>
                    <a:pt x="310932" y="211138"/>
                    <a:pt x="317500" y="204579"/>
                    <a:pt x="317500" y="196707"/>
                  </a:cubicBezTo>
                  <a:lnTo>
                    <a:pt x="317500" y="35344"/>
                  </a:lnTo>
                  <a:cubicBezTo>
                    <a:pt x="317500" y="28785"/>
                    <a:pt x="310932" y="22225"/>
                    <a:pt x="303051" y="22225"/>
                  </a:cubicBezTo>
                  <a:cubicBezTo>
                    <a:pt x="303051" y="22225"/>
                    <a:pt x="303051" y="22225"/>
                    <a:pt x="35086" y="22225"/>
                  </a:cubicBezTo>
                  <a:close/>
                  <a:moveTo>
                    <a:pt x="14529" y="0"/>
                  </a:moveTo>
                  <a:cubicBezTo>
                    <a:pt x="14529" y="0"/>
                    <a:pt x="14529" y="0"/>
                    <a:pt x="323609" y="0"/>
                  </a:cubicBezTo>
                  <a:cubicBezTo>
                    <a:pt x="331534" y="0"/>
                    <a:pt x="338138" y="5265"/>
                    <a:pt x="338138" y="13163"/>
                  </a:cubicBezTo>
                  <a:cubicBezTo>
                    <a:pt x="338138" y="13163"/>
                    <a:pt x="338138" y="13163"/>
                    <a:pt x="338138" y="251414"/>
                  </a:cubicBezTo>
                  <a:cubicBezTo>
                    <a:pt x="338138" y="259312"/>
                    <a:pt x="331534" y="265893"/>
                    <a:pt x="323609" y="265893"/>
                  </a:cubicBezTo>
                  <a:cubicBezTo>
                    <a:pt x="323609" y="265893"/>
                    <a:pt x="323609" y="265893"/>
                    <a:pt x="210016" y="265893"/>
                  </a:cubicBezTo>
                  <a:cubicBezTo>
                    <a:pt x="210016" y="265893"/>
                    <a:pt x="207374" y="265893"/>
                    <a:pt x="207374" y="268526"/>
                  </a:cubicBezTo>
                  <a:cubicBezTo>
                    <a:pt x="207374" y="268526"/>
                    <a:pt x="207374" y="268526"/>
                    <a:pt x="207374" y="290903"/>
                  </a:cubicBezTo>
                  <a:cubicBezTo>
                    <a:pt x="207374" y="292220"/>
                    <a:pt x="207374" y="293536"/>
                    <a:pt x="208695" y="293536"/>
                  </a:cubicBezTo>
                  <a:cubicBezTo>
                    <a:pt x="208695" y="293536"/>
                    <a:pt x="208695" y="293536"/>
                    <a:pt x="239074" y="293536"/>
                  </a:cubicBezTo>
                  <a:cubicBezTo>
                    <a:pt x="245679" y="293536"/>
                    <a:pt x="250962" y="298801"/>
                    <a:pt x="250962" y="305383"/>
                  </a:cubicBezTo>
                  <a:cubicBezTo>
                    <a:pt x="250962" y="310648"/>
                    <a:pt x="245679" y="315913"/>
                    <a:pt x="239074" y="315913"/>
                  </a:cubicBezTo>
                  <a:cubicBezTo>
                    <a:pt x="239074" y="315913"/>
                    <a:pt x="239074" y="315913"/>
                    <a:pt x="99064" y="315913"/>
                  </a:cubicBezTo>
                  <a:cubicBezTo>
                    <a:pt x="92460" y="315913"/>
                    <a:pt x="87176" y="310648"/>
                    <a:pt x="87176" y="305383"/>
                  </a:cubicBezTo>
                  <a:cubicBezTo>
                    <a:pt x="87176" y="298801"/>
                    <a:pt x="92460" y="293536"/>
                    <a:pt x="99064" y="293536"/>
                  </a:cubicBezTo>
                  <a:cubicBezTo>
                    <a:pt x="99064" y="293536"/>
                    <a:pt x="99064" y="293536"/>
                    <a:pt x="129444" y="293536"/>
                  </a:cubicBezTo>
                  <a:cubicBezTo>
                    <a:pt x="130765" y="293536"/>
                    <a:pt x="130765" y="292220"/>
                    <a:pt x="130765" y="289587"/>
                  </a:cubicBezTo>
                  <a:cubicBezTo>
                    <a:pt x="130765" y="289587"/>
                    <a:pt x="130765" y="289587"/>
                    <a:pt x="130765" y="268526"/>
                  </a:cubicBezTo>
                  <a:cubicBezTo>
                    <a:pt x="130765" y="264577"/>
                    <a:pt x="126802" y="265893"/>
                    <a:pt x="126802" y="265893"/>
                  </a:cubicBezTo>
                  <a:cubicBezTo>
                    <a:pt x="126802" y="265893"/>
                    <a:pt x="126802" y="265893"/>
                    <a:pt x="14529" y="265893"/>
                  </a:cubicBezTo>
                  <a:cubicBezTo>
                    <a:pt x="6604" y="265893"/>
                    <a:pt x="0" y="259312"/>
                    <a:pt x="0" y="251414"/>
                  </a:cubicBezTo>
                  <a:cubicBezTo>
                    <a:pt x="0" y="251414"/>
                    <a:pt x="0" y="251414"/>
                    <a:pt x="0" y="13163"/>
                  </a:cubicBezTo>
                  <a:cubicBezTo>
                    <a:pt x="0" y="5265"/>
                    <a:pt x="6604" y="0"/>
                    <a:pt x="14529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txBody>
            <a:bodyPr/>
            <a:lstStyle/>
            <a:p>
              <a:endParaRPr lang="zh-CN" altLang="en-US">
                <a:cs typeface="+mn-ea"/>
                <a:sym typeface="+mn-lt"/>
              </a:endParaRPr>
            </a:p>
          </p:txBody>
        </p:sp>
        <p:sp>
          <p:nvSpPr>
            <p:cNvPr id="28" name="hand-graving-smartphone_21520"/>
            <p:cNvSpPr>
              <a:spLocks noChangeAspect="1"/>
            </p:cNvSpPr>
            <p:nvPr/>
          </p:nvSpPr>
          <p:spPr bwMode="auto">
            <a:xfrm>
              <a:off x="3593432" y="1733454"/>
              <a:ext cx="586678" cy="609685"/>
            </a:xfrm>
            <a:custGeom>
              <a:avLst/>
              <a:gdLst>
                <a:gd name="connsiteX0" fmla="*/ 200025 w 323850"/>
                <a:gd name="connsiteY0" fmla="*/ 303213 h 336550"/>
                <a:gd name="connsiteX1" fmla="*/ 188912 w 323850"/>
                <a:gd name="connsiteY1" fmla="*/ 314326 h 336550"/>
                <a:gd name="connsiteX2" fmla="*/ 200025 w 323850"/>
                <a:gd name="connsiteY2" fmla="*/ 325439 h 336550"/>
                <a:gd name="connsiteX3" fmla="*/ 211138 w 323850"/>
                <a:gd name="connsiteY3" fmla="*/ 314326 h 336550"/>
                <a:gd name="connsiteX4" fmla="*/ 200025 w 323850"/>
                <a:gd name="connsiteY4" fmla="*/ 303213 h 336550"/>
                <a:gd name="connsiteX5" fmla="*/ 267890 w 323850"/>
                <a:gd name="connsiteY5" fmla="*/ 200026 h 336550"/>
                <a:gd name="connsiteX6" fmla="*/ 306529 w 323850"/>
                <a:gd name="connsiteY6" fmla="*/ 200026 h 336550"/>
                <a:gd name="connsiteX7" fmla="*/ 323850 w 323850"/>
                <a:gd name="connsiteY7" fmla="*/ 217105 h 336550"/>
                <a:gd name="connsiteX8" fmla="*/ 323850 w 323850"/>
                <a:gd name="connsiteY8" fmla="*/ 219733 h 336550"/>
                <a:gd name="connsiteX9" fmla="*/ 306529 w 323850"/>
                <a:gd name="connsiteY9" fmla="*/ 238126 h 336550"/>
                <a:gd name="connsiteX10" fmla="*/ 267890 w 323850"/>
                <a:gd name="connsiteY10" fmla="*/ 238126 h 336550"/>
                <a:gd name="connsiteX11" fmla="*/ 249237 w 323850"/>
                <a:gd name="connsiteY11" fmla="*/ 219733 h 336550"/>
                <a:gd name="connsiteX12" fmla="*/ 249237 w 323850"/>
                <a:gd name="connsiteY12" fmla="*/ 217105 h 336550"/>
                <a:gd name="connsiteX13" fmla="*/ 267890 w 323850"/>
                <a:gd name="connsiteY13" fmla="*/ 200026 h 336550"/>
                <a:gd name="connsiteX14" fmla="*/ 267890 w 323850"/>
                <a:gd name="connsiteY14" fmla="*/ 155576 h 336550"/>
                <a:gd name="connsiteX15" fmla="*/ 306529 w 323850"/>
                <a:gd name="connsiteY15" fmla="*/ 155576 h 336550"/>
                <a:gd name="connsiteX16" fmla="*/ 323850 w 323850"/>
                <a:gd name="connsiteY16" fmla="*/ 172528 h 336550"/>
                <a:gd name="connsiteX17" fmla="*/ 323850 w 323850"/>
                <a:gd name="connsiteY17" fmla="*/ 175137 h 336550"/>
                <a:gd name="connsiteX18" fmla="*/ 306529 w 323850"/>
                <a:gd name="connsiteY18" fmla="*/ 192089 h 336550"/>
                <a:gd name="connsiteX19" fmla="*/ 267890 w 323850"/>
                <a:gd name="connsiteY19" fmla="*/ 192089 h 336550"/>
                <a:gd name="connsiteX20" fmla="*/ 249237 w 323850"/>
                <a:gd name="connsiteY20" fmla="*/ 175137 h 336550"/>
                <a:gd name="connsiteX21" fmla="*/ 249237 w 323850"/>
                <a:gd name="connsiteY21" fmla="*/ 172528 h 336550"/>
                <a:gd name="connsiteX22" fmla="*/ 267890 w 323850"/>
                <a:gd name="connsiteY22" fmla="*/ 155576 h 336550"/>
                <a:gd name="connsiteX23" fmla="*/ 175670 w 323850"/>
                <a:gd name="connsiteY23" fmla="*/ 15876 h 336550"/>
                <a:gd name="connsiteX24" fmla="*/ 173037 w 323850"/>
                <a:gd name="connsiteY24" fmla="*/ 19686 h 336550"/>
                <a:gd name="connsiteX25" fmla="*/ 175670 w 323850"/>
                <a:gd name="connsiteY25" fmla="*/ 22226 h 336550"/>
                <a:gd name="connsiteX26" fmla="*/ 224379 w 323850"/>
                <a:gd name="connsiteY26" fmla="*/ 22226 h 336550"/>
                <a:gd name="connsiteX27" fmla="*/ 227012 w 323850"/>
                <a:gd name="connsiteY27" fmla="*/ 19686 h 336550"/>
                <a:gd name="connsiteX28" fmla="*/ 224379 w 323850"/>
                <a:gd name="connsiteY28" fmla="*/ 15876 h 336550"/>
                <a:gd name="connsiteX29" fmla="*/ 175670 w 323850"/>
                <a:gd name="connsiteY29" fmla="*/ 15876 h 336550"/>
                <a:gd name="connsiteX30" fmla="*/ 125064 w 323850"/>
                <a:gd name="connsiteY30" fmla="*/ 0 h 336550"/>
                <a:gd name="connsiteX31" fmla="*/ 276458 w 323850"/>
                <a:gd name="connsiteY31" fmla="*/ 0 h 336550"/>
                <a:gd name="connsiteX32" fmla="*/ 298837 w 323850"/>
                <a:gd name="connsiteY32" fmla="*/ 22349 h 336550"/>
                <a:gd name="connsiteX33" fmla="*/ 298837 w 323850"/>
                <a:gd name="connsiteY33" fmla="*/ 109116 h 336550"/>
                <a:gd name="connsiteX34" fmla="*/ 306736 w 323850"/>
                <a:gd name="connsiteY34" fmla="*/ 109116 h 336550"/>
                <a:gd name="connsiteX35" fmla="*/ 323850 w 323850"/>
                <a:gd name="connsiteY35" fmla="*/ 127521 h 336550"/>
                <a:gd name="connsiteX36" fmla="*/ 323850 w 323850"/>
                <a:gd name="connsiteY36" fmla="*/ 130150 h 336550"/>
                <a:gd name="connsiteX37" fmla="*/ 306736 w 323850"/>
                <a:gd name="connsiteY37" fmla="*/ 147241 h 336550"/>
                <a:gd name="connsiteX38" fmla="*/ 268559 w 323850"/>
                <a:gd name="connsiteY38" fmla="*/ 147241 h 336550"/>
                <a:gd name="connsiteX39" fmla="*/ 250128 w 323850"/>
                <a:gd name="connsiteY39" fmla="*/ 130150 h 336550"/>
                <a:gd name="connsiteX40" fmla="*/ 250128 w 323850"/>
                <a:gd name="connsiteY40" fmla="*/ 127521 h 336550"/>
                <a:gd name="connsiteX41" fmla="*/ 268559 w 323850"/>
                <a:gd name="connsiteY41" fmla="*/ 109116 h 336550"/>
                <a:gd name="connsiteX42" fmla="*/ 272508 w 323850"/>
                <a:gd name="connsiteY42" fmla="*/ 109116 h 336550"/>
                <a:gd name="connsiteX43" fmla="*/ 283040 w 323850"/>
                <a:gd name="connsiteY43" fmla="*/ 109116 h 336550"/>
                <a:gd name="connsiteX44" fmla="*/ 283040 w 323850"/>
                <a:gd name="connsiteY44" fmla="*/ 35496 h 336550"/>
                <a:gd name="connsiteX45" fmla="*/ 118481 w 323850"/>
                <a:gd name="connsiteY45" fmla="*/ 35496 h 336550"/>
                <a:gd name="connsiteX46" fmla="*/ 118481 w 323850"/>
                <a:gd name="connsiteY46" fmla="*/ 76250 h 336550"/>
                <a:gd name="connsiteX47" fmla="*/ 155342 w 323850"/>
                <a:gd name="connsiteY47" fmla="*/ 56530 h 336550"/>
                <a:gd name="connsiteX48" fmla="*/ 184305 w 323850"/>
                <a:gd name="connsiteY48" fmla="*/ 74935 h 336550"/>
                <a:gd name="connsiteX49" fmla="*/ 139545 w 323850"/>
                <a:gd name="connsiteY49" fmla="*/ 117004 h 336550"/>
                <a:gd name="connsiteX50" fmla="*/ 118481 w 323850"/>
                <a:gd name="connsiteY50" fmla="*/ 131465 h 336550"/>
                <a:gd name="connsiteX51" fmla="*/ 118481 w 323850"/>
                <a:gd name="connsiteY51" fmla="*/ 294481 h 336550"/>
                <a:gd name="connsiteX52" fmla="*/ 283040 w 323850"/>
                <a:gd name="connsiteY52" fmla="*/ 294481 h 336550"/>
                <a:gd name="connsiteX53" fmla="*/ 283040 w 323850"/>
                <a:gd name="connsiteY53" fmla="*/ 282649 h 336550"/>
                <a:gd name="connsiteX54" fmla="*/ 268559 w 323850"/>
                <a:gd name="connsiteY54" fmla="*/ 282649 h 336550"/>
                <a:gd name="connsiteX55" fmla="*/ 250128 w 323850"/>
                <a:gd name="connsiteY55" fmla="*/ 264244 h 336550"/>
                <a:gd name="connsiteX56" fmla="*/ 250128 w 323850"/>
                <a:gd name="connsiteY56" fmla="*/ 262930 h 336550"/>
                <a:gd name="connsiteX57" fmla="*/ 268559 w 323850"/>
                <a:gd name="connsiteY57" fmla="*/ 244525 h 336550"/>
                <a:gd name="connsiteX58" fmla="*/ 306736 w 323850"/>
                <a:gd name="connsiteY58" fmla="*/ 244525 h 336550"/>
                <a:gd name="connsiteX59" fmla="*/ 323850 w 323850"/>
                <a:gd name="connsiteY59" fmla="*/ 262930 h 336550"/>
                <a:gd name="connsiteX60" fmla="*/ 323850 w 323850"/>
                <a:gd name="connsiteY60" fmla="*/ 264244 h 336550"/>
                <a:gd name="connsiteX61" fmla="*/ 306736 w 323850"/>
                <a:gd name="connsiteY61" fmla="*/ 282649 h 336550"/>
                <a:gd name="connsiteX62" fmla="*/ 301470 w 323850"/>
                <a:gd name="connsiteY62" fmla="*/ 282649 h 336550"/>
                <a:gd name="connsiteX63" fmla="*/ 298837 w 323850"/>
                <a:gd name="connsiteY63" fmla="*/ 282649 h 336550"/>
                <a:gd name="connsiteX64" fmla="*/ 298837 w 323850"/>
                <a:gd name="connsiteY64" fmla="*/ 314201 h 336550"/>
                <a:gd name="connsiteX65" fmla="*/ 276458 w 323850"/>
                <a:gd name="connsiteY65" fmla="*/ 336550 h 336550"/>
                <a:gd name="connsiteX66" fmla="*/ 125064 w 323850"/>
                <a:gd name="connsiteY66" fmla="*/ 336550 h 336550"/>
                <a:gd name="connsiteX67" fmla="*/ 102684 w 323850"/>
                <a:gd name="connsiteY67" fmla="*/ 314201 h 336550"/>
                <a:gd name="connsiteX68" fmla="*/ 102684 w 323850"/>
                <a:gd name="connsiteY68" fmla="*/ 287908 h 336550"/>
                <a:gd name="connsiteX69" fmla="*/ 75038 w 323850"/>
                <a:gd name="connsiteY69" fmla="*/ 287908 h 336550"/>
                <a:gd name="connsiteX70" fmla="*/ 13164 w 323850"/>
                <a:gd name="connsiteY70" fmla="*/ 255042 h 336550"/>
                <a:gd name="connsiteX71" fmla="*/ 11848 w 323850"/>
                <a:gd name="connsiteY71" fmla="*/ 253727 h 336550"/>
                <a:gd name="connsiteX72" fmla="*/ 9215 w 323850"/>
                <a:gd name="connsiteY72" fmla="*/ 249783 h 336550"/>
                <a:gd name="connsiteX73" fmla="*/ 7899 w 323850"/>
                <a:gd name="connsiteY73" fmla="*/ 244525 h 336550"/>
                <a:gd name="connsiteX74" fmla="*/ 6582 w 323850"/>
                <a:gd name="connsiteY74" fmla="*/ 240581 h 336550"/>
                <a:gd name="connsiteX75" fmla="*/ 2633 w 323850"/>
                <a:gd name="connsiteY75" fmla="*/ 231378 h 336550"/>
                <a:gd name="connsiteX76" fmla="*/ 2633 w 323850"/>
                <a:gd name="connsiteY76" fmla="*/ 228749 h 336550"/>
                <a:gd name="connsiteX77" fmla="*/ 0 w 323850"/>
                <a:gd name="connsiteY77" fmla="*/ 219546 h 336550"/>
                <a:gd name="connsiteX78" fmla="*/ 0 w 323850"/>
                <a:gd name="connsiteY78" fmla="*/ 215602 h 336550"/>
                <a:gd name="connsiteX79" fmla="*/ 0 w 323850"/>
                <a:gd name="connsiteY79" fmla="*/ 202456 h 336550"/>
                <a:gd name="connsiteX80" fmla="*/ 40810 w 323850"/>
                <a:gd name="connsiteY80" fmla="*/ 119633 h 336550"/>
                <a:gd name="connsiteX81" fmla="*/ 102684 w 323850"/>
                <a:gd name="connsiteY81" fmla="*/ 85452 h 336550"/>
                <a:gd name="connsiteX82" fmla="*/ 102684 w 323850"/>
                <a:gd name="connsiteY82" fmla="*/ 22349 h 336550"/>
                <a:gd name="connsiteX83" fmla="*/ 125064 w 323850"/>
                <a:gd name="connsiteY83" fmla="*/ 0 h 3365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  <a:cxn ang="0">
                  <a:pos x="connsiteX45" y="connsiteY45"/>
                </a:cxn>
                <a:cxn ang="0">
                  <a:pos x="connsiteX46" y="connsiteY46"/>
                </a:cxn>
                <a:cxn ang="0">
                  <a:pos x="connsiteX47" y="connsiteY47"/>
                </a:cxn>
                <a:cxn ang="0">
                  <a:pos x="connsiteX48" y="connsiteY48"/>
                </a:cxn>
                <a:cxn ang="0">
                  <a:pos x="connsiteX49" y="connsiteY49"/>
                </a:cxn>
                <a:cxn ang="0">
                  <a:pos x="connsiteX50" y="connsiteY50"/>
                </a:cxn>
                <a:cxn ang="0">
                  <a:pos x="connsiteX51" y="connsiteY51"/>
                </a:cxn>
                <a:cxn ang="0">
                  <a:pos x="connsiteX52" y="connsiteY52"/>
                </a:cxn>
                <a:cxn ang="0">
                  <a:pos x="connsiteX53" y="connsiteY53"/>
                </a:cxn>
                <a:cxn ang="0">
                  <a:pos x="connsiteX54" y="connsiteY54"/>
                </a:cxn>
                <a:cxn ang="0">
                  <a:pos x="connsiteX55" y="connsiteY55"/>
                </a:cxn>
                <a:cxn ang="0">
                  <a:pos x="connsiteX56" y="connsiteY56"/>
                </a:cxn>
                <a:cxn ang="0">
                  <a:pos x="connsiteX57" y="connsiteY57"/>
                </a:cxn>
                <a:cxn ang="0">
                  <a:pos x="connsiteX58" y="connsiteY58"/>
                </a:cxn>
                <a:cxn ang="0">
                  <a:pos x="connsiteX59" y="connsiteY59"/>
                </a:cxn>
                <a:cxn ang="0">
                  <a:pos x="connsiteX60" y="connsiteY60"/>
                </a:cxn>
                <a:cxn ang="0">
                  <a:pos x="connsiteX61" y="connsiteY61"/>
                </a:cxn>
                <a:cxn ang="0">
                  <a:pos x="connsiteX62" y="connsiteY62"/>
                </a:cxn>
                <a:cxn ang="0">
                  <a:pos x="connsiteX63" y="connsiteY63"/>
                </a:cxn>
                <a:cxn ang="0">
                  <a:pos x="connsiteX64" y="connsiteY64"/>
                </a:cxn>
                <a:cxn ang="0">
                  <a:pos x="connsiteX65" y="connsiteY65"/>
                </a:cxn>
                <a:cxn ang="0">
                  <a:pos x="connsiteX66" y="connsiteY66"/>
                </a:cxn>
                <a:cxn ang="0">
                  <a:pos x="connsiteX67" y="connsiteY67"/>
                </a:cxn>
                <a:cxn ang="0">
                  <a:pos x="connsiteX68" y="connsiteY68"/>
                </a:cxn>
                <a:cxn ang="0">
                  <a:pos x="connsiteX69" y="connsiteY69"/>
                </a:cxn>
                <a:cxn ang="0">
                  <a:pos x="connsiteX70" y="connsiteY70"/>
                </a:cxn>
                <a:cxn ang="0">
                  <a:pos x="connsiteX71" y="connsiteY71"/>
                </a:cxn>
                <a:cxn ang="0">
                  <a:pos x="connsiteX72" y="connsiteY72"/>
                </a:cxn>
                <a:cxn ang="0">
                  <a:pos x="connsiteX73" y="connsiteY73"/>
                </a:cxn>
                <a:cxn ang="0">
                  <a:pos x="connsiteX74" y="connsiteY74"/>
                </a:cxn>
                <a:cxn ang="0">
                  <a:pos x="connsiteX75" y="connsiteY75"/>
                </a:cxn>
                <a:cxn ang="0">
                  <a:pos x="connsiteX76" y="connsiteY76"/>
                </a:cxn>
                <a:cxn ang="0">
                  <a:pos x="connsiteX77" y="connsiteY77"/>
                </a:cxn>
                <a:cxn ang="0">
                  <a:pos x="connsiteX78" y="connsiteY78"/>
                </a:cxn>
                <a:cxn ang="0">
                  <a:pos x="connsiteX79" y="connsiteY79"/>
                </a:cxn>
                <a:cxn ang="0">
                  <a:pos x="connsiteX80" y="connsiteY80"/>
                </a:cxn>
                <a:cxn ang="0">
                  <a:pos x="connsiteX81" y="connsiteY81"/>
                </a:cxn>
                <a:cxn ang="0">
                  <a:pos x="connsiteX82" y="connsiteY82"/>
                </a:cxn>
                <a:cxn ang="0">
                  <a:pos x="connsiteX83" y="connsiteY83"/>
                </a:cxn>
              </a:cxnLst>
              <a:rect l="l" t="t" r="r" b="b"/>
              <a:pathLst>
                <a:path w="323850" h="336550">
                  <a:moveTo>
                    <a:pt x="200025" y="303213"/>
                  </a:moveTo>
                  <a:cubicBezTo>
                    <a:pt x="193887" y="303213"/>
                    <a:pt x="188912" y="308188"/>
                    <a:pt x="188912" y="314326"/>
                  </a:cubicBezTo>
                  <a:cubicBezTo>
                    <a:pt x="188912" y="320464"/>
                    <a:pt x="193887" y="325439"/>
                    <a:pt x="200025" y="325439"/>
                  </a:cubicBezTo>
                  <a:cubicBezTo>
                    <a:pt x="206163" y="325439"/>
                    <a:pt x="211138" y="320464"/>
                    <a:pt x="211138" y="314326"/>
                  </a:cubicBezTo>
                  <a:cubicBezTo>
                    <a:pt x="211138" y="308188"/>
                    <a:pt x="206163" y="303213"/>
                    <a:pt x="200025" y="303213"/>
                  </a:cubicBezTo>
                  <a:close/>
                  <a:moveTo>
                    <a:pt x="267890" y="200026"/>
                  </a:moveTo>
                  <a:cubicBezTo>
                    <a:pt x="267890" y="200026"/>
                    <a:pt x="267890" y="200026"/>
                    <a:pt x="306529" y="200026"/>
                  </a:cubicBezTo>
                  <a:cubicBezTo>
                    <a:pt x="315856" y="200026"/>
                    <a:pt x="323850" y="207909"/>
                    <a:pt x="323850" y="217105"/>
                  </a:cubicBezTo>
                  <a:cubicBezTo>
                    <a:pt x="323850" y="217105"/>
                    <a:pt x="323850" y="217105"/>
                    <a:pt x="323850" y="219733"/>
                  </a:cubicBezTo>
                  <a:cubicBezTo>
                    <a:pt x="323850" y="228929"/>
                    <a:pt x="315856" y="238126"/>
                    <a:pt x="306529" y="238126"/>
                  </a:cubicBezTo>
                  <a:cubicBezTo>
                    <a:pt x="306529" y="238126"/>
                    <a:pt x="306529" y="238126"/>
                    <a:pt x="267890" y="238126"/>
                  </a:cubicBezTo>
                  <a:cubicBezTo>
                    <a:pt x="257231" y="238126"/>
                    <a:pt x="249237" y="228929"/>
                    <a:pt x="249237" y="219733"/>
                  </a:cubicBezTo>
                  <a:cubicBezTo>
                    <a:pt x="249237" y="219733"/>
                    <a:pt x="249237" y="219733"/>
                    <a:pt x="249237" y="217105"/>
                  </a:cubicBezTo>
                  <a:cubicBezTo>
                    <a:pt x="249237" y="207909"/>
                    <a:pt x="257231" y="200026"/>
                    <a:pt x="267890" y="200026"/>
                  </a:cubicBezTo>
                  <a:close/>
                  <a:moveTo>
                    <a:pt x="267890" y="155576"/>
                  </a:moveTo>
                  <a:cubicBezTo>
                    <a:pt x="267890" y="155576"/>
                    <a:pt x="267890" y="155576"/>
                    <a:pt x="306529" y="155576"/>
                  </a:cubicBezTo>
                  <a:cubicBezTo>
                    <a:pt x="315856" y="155576"/>
                    <a:pt x="323850" y="163400"/>
                    <a:pt x="323850" y="172528"/>
                  </a:cubicBezTo>
                  <a:cubicBezTo>
                    <a:pt x="323850" y="172528"/>
                    <a:pt x="323850" y="172528"/>
                    <a:pt x="323850" y="175137"/>
                  </a:cubicBezTo>
                  <a:cubicBezTo>
                    <a:pt x="323850" y="184265"/>
                    <a:pt x="315856" y="192089"/>
                    <a:pt x="306529" y="192089"/>
                  </a:cubicBezTo>
                  <a:cubicBezTo>
                    <a:pt x="306529" y="192089"/>
                    <a:pt x="306529" y="192089"/>
                    <a:pt x="267890" y="192089"/>
                  </a:cubicBezTo>
                  <a:cubicBezTo>
                    <a:pt x="257231" y="192089"/>
                    <a:pt x="249237" y="184265"/>
                    <a:pt x="249237" y="175137"/>
                  </a:cubicBezTo>
                  <a:cubicBezTo>
                    <a:pt x="249237" y="175137"/>
                    <a:pt x="249237" y="175137"/>
                    <a:pt x="249237" y="172528"/>
                  </a:cubicBezTo>
                  <a:cubicBezTo>
                    <a:pt x="249237" y="163400"/>
                    <a:pt x="257231" y="155576"/>
                    <a:pt x="267890" y="155576"/>
                  </a:cubicBezTo>
                  <a:close/>
                  <a:moveTo>
                    <a:pt x="175670" y="15876"/>
                  </a:moveTo>
                  <a:cubicBezTo>
                    <a:pt x="174353" y="15876"/>
                    <a:pt x="173037" y="17146"/>
                    <a:pt x="173037" y="19686"/>
                  </a:cubicBezTo>
                  <a:cubicBezTo>
                    <a:pt x="173037" y="20956"/>
                    <a:pt x="174353" y="22226"/>
                    <a:pt x="175670" y="22226"/>
                  </a:cubicBezTo>
                  <a:cubicBezTo>
                    <a:pt x="175670" y="22226"/>
                    <a:pt x="175670" y="22226"/>
                    <a:pt x="224379" y="22226"/>
                  </a:cubicBezTo>
                  <a:cubicBezTo>
                    <a:pt x="225695" y="22226"/>
                    <a:pt x="227012" y="20956"/>
                    <a:pt x="227012" y="19686"/>
                  </a:cubicBezTo>
                  <a:cubicBezTo>
                    <a:pt x="227012" y="17146"/>
                    <a:pt x="225695" y="15876"/>
                    <a:pt x="224379" y="15876"/>
                  </a:cubicBezTo>
                  <a:cubicBezTo>
                    <a:pt x="224379" y="15876"/>
                    <a:pt x="224379" y="15876"/>
                    <a:pt x="175670" y="15876"/>
                  </a:cubicBezTo>
                  <a:close/>
                  <a:moveTo>
                    <a:pt x="125064" y="0"/>
                  </a:moveTo>
                  <a:cubicBezTo>
                    <a:pt x="125064" y="0"/>
                    <a:pt x="125064" y="0"/>
                    <a:pt x="276458" y="0"/>
                  </a:cubicBezTo>
                  <a:cubicBezTo>
                    <a:pt x="288306" y="0"/>
                    <a:pt x="298837" y="10517"/>
                    <a:pt x="298837" y="22349"/>
                  </a:cubicBezTo>
                  <a:cubicBezTo>
                    <a:pt x="298837" y="22349"/>
                    <a:pt x="298837" y="22349"/>
                    <a:pt x="298837" y="109116"/>
                  </a:cubicBezTo>
                  <a:cubicBezTo>
                    <a:pt x="298837" y="109116"/>
                    <a:pt x="298837" y="109116"/>
                    <a:pt x="306736" y="109116"/>
                  </a:cubicBezTo>
                  <a:cubicBezTo>
                    <a:pt x="315951" y="109116"/>
                    <a:pt x="323850" y="118318"/>
                    <a:pt x="323850" y="127521"/>
                  </a:cubicBezTo>
                  <a:cubicBezTo>
                    <a:pt x="323850" y="127521"/>
                    <a:pt x="323850" y="127521"/>
                    <a:pt x="323850" y="130150"/>
                  </a:cubicBezTo>
                  <a:cubicBezTo>
                    <a:pt x="323850" y="139353"/>
                    <a:pt x="315951" y="147241"/>
                    <a:pt x="306736" y="147241"/>
                  </a:cubicBezTo>
                  <a:cubicBezTo>
                    <a:pt x="306736" y="147241"/>
                    <a:pt x="306736" y="147241"/>
                    <a:pt x="268559" y="147241"/>
                  </a:cubicBezTo>
                  <a:cubicBezTo>
                    <a:pt x="258027" y="147241"/>
                    <a:pt x="250128" y="139353"/>
                    <a:pt x="250128" y="130150"/>
                  </a:cubicBezTo>
                  <a:cubicBezTo>
                    <a:pt x="250128" y="130150"/>
                    <a:pt x="250128" y="130150"/>
                    <a:pt x="250128" y="127521"/>
                  </a:cubicBezTo>
                  <a:cubicBezTo>
                    <a:pt x="250128" y="118318"/>
                    <a:pt x="258027" y="109116"/>
                    <a:pt x="268559" y="109116"/>
                  </a:cubicBezTo>
                  <a:cubicBezTo>
                    <a:pt x="268559" y="109116"/>
                    <a:pt x="268559" y="109116"/>
                    <a:pt x="272508" y="109116"/>
                  </a:cubicBezTo>
                  <a:cubicBezTo>
                    <a:pt x="272508" y="109116"/>
                    <a:pt x="272508" y="109116"/>
                    <a:pt x="283040" y="109116"/>
                  </a:cubicBezTo>
                  <a:cubicBezTo>
                    <a:pt x="283040" y="109116"/>
                    <a:pt x="283040" y="109116"/>
                    <a:pt x="283040" y="35496"/>
                  </a:cubicBezTo>
                  <a:cubicBezTo>
                    <a:pt x="283040" y="35496"/>
                    <a:pt x="283040" y="35496"/>
                    <a:pt x="118481" y="35496"/>
                  </a:cubicBezTo>
                  <a:cubicBezTo>
                    <a:pt x="118481" y="35496"/>
                    <a:pt x="118481" y="35496"/>
                    <a:pt x="118481" y="76250"/>
                  </a:cubicBezTo>
                  <a:cubicBezTo>
                    <a:pt x="134279" y="67047"/>
                    <a:pt x="148760" y="59159"/>
                    <a:pt x="155342" y="56530"/>
                  </a:cubicBezTo>
                  <a:cubicBezTo>
                    <a:pt x="176406" y="44698"/>
                    <a:pt x="188254" y="59159"/>
                    <a:pt x="184305" y="74935"/>
                  </a:cubicBezTo>
                  <a:cubicBezTo>
                    <a:pt x="181672" y="86767"/>
                    <a:pt x="160608" y="99913"/>
                    <a:pt x="139545" y="117004"/>
                  </a:cubicBezTo>
                  <a:cubicBezTo>
                    <a:pt x="134279" y="120948"/>
                    <a:pt x="126380" y="126206"/>
                    <a:pt x="118481" y="131465"/>
                  </a:cubicBezTo>
                  <a:cubicBezTo>
                    <a:pt x="118481" y="131465"/>
                    <a:pt x="118481" y="131465"/>
                    <a:pt x="118481" y="294481"/>
                  </a:cubicBezTo>
                  <a:cubicBezTo>
                    <a:pt x="118481" y="294481"/>
                    <a:pt x="118481" y="294481"/>
                    <a:pt x="283040" y="294481"/>
                  </a:cubicBezTo>
                  <a:cubicBezTo>
                    <a:pt x="283040" y="294481"/>
                    <a:pt x="283040" y="294481"/>
                    <a:pt x="283040" y="282649"/>
                  </a:cubicBezTo>
                  <a:cubicBezTo>
                    <a:pt x="283040" y="282649"/>
                    <a:pt x="283040" y="282649"/>
                    <a:pt x="268559" y="282649"/>
                  </a:cubicBezTo>
                  <a:cubicBezTo>
                    <a:pt x="258027" y="282649"/>
                    <a:pt x="250128" y="274762"/>
                    <a:pt x="250128" y="264244"/>
                  </a:cubicBezTo>
                  <a:cubicBezTo>
                    <a:pt x="250128" y="264244"/>
                    <a:pt x="250128" y="264244"/>
                    <a:pt x="250128" y="262930"/>
                  </a:cubicBezTo>
                  <a:cubicBezTo>
                    <a:pt x="250128" y="252413"/>
                    <a:pt x="258027" y="244525"/>
                    <a:pt x="268559" y="244525"/>
                  </a:cubicBezTo>
                  <a:cubicBezTo>
                    <a:pt x="268559" y="244525"/>
                    <a:pt x="268559" y="244525"/>
                    <a:pt x="306736" y="244525"/>
                  </a:cubicBezTo>
                  <a:cubicBezTo>
                    <a:pt x="315951" y="244525"/>
                    <a:pt x="323850" y="252413"/>
                    <a:pt x="323850" y="262930"/>
                  </a:cubicBezTo>
                  <a:cubicBezTo>
                    <a:pt x="323850" y="262930"/>
                    <a:pt x="323850" y="262930"/>
                    <a:pt x="323850" y="264244"/>
                  </a:cubicBezTo>
                  <a:cubicBezTo>
                    <a:pt x="323850" y="274762"/>
                    <a:pt x="315951" y="282649"/>
                    <a:pt x="306736" y="282649"/>
                  </a:cubicBezTo>
                  <a:cubicBezTo>
                    <a:pt x="306736" y="282649"/>
                    <a:pt x="306736" y="282649"/>
                    <a:pt x="301470" y="282649"/>
                  </a:cubicBezTo>
                  <a:cubicBezTo>
                    <a:pt x="301470" y="282649"/>
                    <a:pt x="301470" y="282649"/>
                    <a:pt x="298837" y="282649"/>
                  </a:cubicBezTo>
                  <a:cubicBezTo>
                    <a:pt x="298837" y="282649"/>
                    <a:pt x="298837" y="282649"/>
                    <a:pt x="298837" y="314201"/>
                  </a:cubicBezTo>
                  <a:cubicBezTo>
                    <a:pt x="298837" y="326033"/>
                    <a:pt x="288306" y="336550"/>
                    <a:pt x="276458" y="336550"/>
                  </a:cubicBezTo>
                  <a:cubicBezTo>
                    <a:pt x="276458" y="336550"/>
                    <a:pt x="276458" y="336550"/>
                    <a:pt x="125064" y="336550"/>
                  </a:cubicBezTo>
                  <a:cubicBezTo>
                    <a:pt x="113216" y="336550"/>
                    <a:pt x="102684" y="326033"/>
                    <a:pt x="102684" y="314201"/>
                  </a:cubicBezTo>
                  <a:cubicBezTo>
                    <a:pt x="102684" y="314201"/>
                    <a:pt x="102684" y="314201"/>
                    <a:pt x="102684" y="287908"/>
                  </a:cubicBezTo>
                  <a:cubicBezTo>
                    <a:pt x="102684" y="287908"/>
                    <a:pt x="102684" y="287908"/>
                    <a:pt x="75038" y="287908"/>
                  </a:cubicBezTo>
                  <a:cubicBezTo>
                    <a:pt x="75038" y="287908"/>
                    <a:pt x="35544" y="287908"/>
                    <a:pt x="13164" y="255042"/>
                  </a:cubicBezTo>
                  <a:cubicBezTo>
                    <a:pt x="13164" y="253727"/>
                    <a:pt x="13164" y="253727"/>
                    <a:pt x="11848" y="253727"/>
                  </a:cubicBezTo>
                  <a:cubicBezTo>
                    <a:pt x="11848" y="252413"/>
                    <a:pt x="10531" y="251098"/>
                    <a:pt x="9215" y="249783"/>
                  </a:cubicBezTo>
                  <a:cubicBezTo>
                    <a:pt x="9215" y="248469"/>
                    <a:pt x="7899" y="245839"/>
                    <a:pt x="7899" y="244525"/>
                  </a:cubicBezTo>
                  <a:cubicBezTo>
                    <a:pt x="6582" y="243210"/>
                    <a:pt x="6582" y="241895"/>
                    <a:pt x="6582" y="240581"/>
                  </a:cubicBezTo>
                  <a:cubicBezTo>
                    <a:pt x="5266" y="237951"/>
                    <a:pt x="3949" y="235322"/>
                    <a:pt x="2633" y="231378"/>
                  </a:cubicBezTo>
                  <a:cubicBezTo>
                    <a:pt x="2633" y="230063"/>
                    <a:pt x="2633" y="230063"/>
                    <a:pt x="2633" y="228749"/>
                  </a:cubicBezTo>
                  <a:cubicBezTo>
                    <a:pt x="1316" y="226120"/>
                    <a:pt x="1316" y="223490"/>
                    <a:pt x="0" y="219546"/>
                  </a:cubicBezTo>
                  <a:cubicBezTo>
                    <a:pt x="0" y="218232"/>
                    <a:pt x="0" y="216917"/>
                    <a:pt x="0" y="215602"/>
                  </a:cubicBezTo>
                  <a:cubicBezTo>
                    <a:pt x="0" y="211658"/>
                    <a:pt x="0" y="207714"/>
                    <a:pt x="0" y="202456"/>
                  </a:cubicBezTo>
                  <a:cubicBezTo>
                    <a:pt x="0" y="149870"/>
                    <a:pt x="23696" y="127521"/>
                    <a:pt x="40810" y="119633"/>
                  </a:cubicBezTo>
                  <a:cubicBezTo>
                    <a:pt x="40810" y="119633"/>
                    <a:pt x="72405" y="102543"/>
                    <a:pt x="102684" y="85452"/>
                  </a:cubicBezTo>
                  <a:cubicBezTo>
                    <a:pt x="102684" y="85452"/>
                    <a:pt x="102684" y="85452"/>
                    <a:pt x="102684" y="22349"/>
                  </a:cubicBezTo>
                  <a:cubicBezTo>
                    <a:pt x="102684" y="10517"/>
                    <a:pt x="113216" y="0"/>
                    <a:pt x="125064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txBody>
            <a:bodyPr/>
            <a:lstStyle/>
            <a:p>
              <a:endParaRPr lang="zh-CN" altLang="en-US">
                <a:cs typeface="+mn-ea"/>
                <a:sym typeface="+mn-lt"/>
              </a:endParaRPr>
            </a:p>
          </p:txBody>
        </p:sp>
      </p:grpSp>
      <p:grpSp>
        <p:nvGrpSpPr>
          <p:cNvPr id="29" name="组合 28"/>
          <p:cNvGrpSpPr/>
          <p:nvPr/>
        </p:nvGrpSpPr>
        <p:grpSpPr>
          <a:xfrm>
            <a:off x="4169043" y="3231822"/>
            <a:ext cx="1506371" cy="1506371"/>
            <a:chOff x="3506384" y="2688205"/>
            <a:chExt cx="1129778" cy="1129778"/>
          </a:xfrm>
        </p:grpSpPr>
        <p:sp>
          <p:nvSpPr>
            <p:cNvPr id="30" name="Oval 22"/>
            <p:cNvSpPr/>
            <p:nvPr/>
          </p:nvSpPr>
          <p:spPr>
            <a:xfrm>
              <a:off x="3506384" y="2688205"/>
              <a:ext cx="1129778" cy="1129778"/>
            </a:xfrm>
            <a:prstGeom prst="ellipse">
              <a:avLst/>
            </a:prstGeom>
            <a:solidFill>
              <a:srgbClr val="F5C700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 sz="3200">
                <a:cs typeface="+mn-ea"/>
                <a:sym typeface="+mn-lt"/>
              </a:endParaRPr>
            </a:p>
          </p:txBody>
        </p:sp>
        <p:sp>
          <p:nvSpPr>
            <p:cNvPr id="31" name="person-explaining-strategy-on-a-board-with-a-sketch_38792"/>
            <p:cNvSpPr>
              <a:spLocks noChangeAspect="1"/>
            </p:cNvSpPr>
            <p:nvPr/>
          </p:nvSpPr>
          <p:spPr bwMode="auto">
            <a:xfrm>
              <a:off x="3766430" y="3004245"/>
              <a:ext cx="609685" cy="556261"/>
            </a:xfrm>
            <a:custGeom>
              <a:avLst/>
              <a:gdLst>
                <a:gd name="connsiteX0" fmla="*/ 104775 w 328613"/>
                <a:gd name="connsiteY0" fmla="*/ 169862 h 299818"/>
                <a:gd name="connsiteX1" fmla="*/ 328613 w 328613"/>
                <a:gd name="connsiteY1" fmla="*/ 169862 h 299818"/>
                <a:gd name="connsiteX2" fmla="*/ 328613 w 328613"/>
                <a:gd name="connsiteY2" fmla="*/ 182562 h 299818"/>
                <a:gd name="connsiteX3" fmla="*/ 104775 w 328613"/>
                <a:gd name="connsiteY3" fmla="*/ 182562 h 299818"/>
                <a:gd name="connsiteX4" fmla="*/ 0 w 328613"/>
                <a:gd name="connsiteY4" fmla="*/ 169862 h 299818"/>
                <a:gd name="connsiteX5" fmla="*/ 46038 w 328613"/>
                <a:gd name="connsiteY5" fmla="*/ 169862 h 299818"/>
                <a:gd name="connsiteX6" fmla="*/ 46038 w 328613"/>
                <a:gd name="connsiteY6" fmla="*/ 182562 h 299818"/>
                <a:gd name="connsiteX7" fmla="*/ 0 w 328613"/>
                <a:gd name="connsiteY7" fmla="*/ 182562 h 299818"/>
                <a:gd name="connsiteX8" fmla="*/ 154438 w 328613"/>
                <a:gd name="connsiteY8" fmla="*/ 103563 h 299818"/>
                <a:gd name="connsiteX9" fmla="*/ 156623 w 328613"/>
                <a:gd name="connsiteY9" fmla="*/ 123121 h 299818"/>
                <a:gd name="connsiteX10" fmla="*/ 98363 w 328613"/>
                <a:gd name="connsiteY10" fmla="*/ 137418 h 299818"/>
                <a:gd name="connsiteX11" fmla="*/ 98363 w 328613"/>
                <a:gd name="connsiteY11" fmla="*/ 189409 h 299818"/>
                <a:gd name="connsiteX12" fmla="*/ 97069 w 328613"/>
                <a:gd name="connsiteY12" fmla="*/ 193308 h 299818"/>
                <a:gd name="connsiteX13" fmla="*/ 110015 w 328613"/>
                <a:gd name="connsiteY13" fmla="*/ 273894 h 299818"/>
                <a:gd name="connsiteX14" fmla="*/ 89301 w 328613"/>
                <a:gd name="connsiteY14" fmla="*/ 273894 h 299818"/>
                <a:gd name="connsiteX15" fmla="*/ 78943 w 328613"/>
                <a:gd name="connsiteY15" fmla="*/ 206306 h 299818"/>
                <a:gd name="connsiteX16" fmla="*/ 60818 w 328613"/>
                <a:gd name="connsiteY16" fmla="*/ 294690 h 299818"/>
                <a:gd name="connsiteX17" fmla="*/ 41398 w 328613"/>
                <a:gd name="connsiteY17" fmla="*/ 284292 h 299818"/>
                <a:gd name="connsiteX18" fmla="*/ 56934 w 328613"/>
                <a:gd name="connsiteY18" fmla="*/ 201107 h 299818"/>
                <a:gd name="connsiteX19" fmla="*/ 51755 w 328613"/>
                <a:gd name="connsiteY19" fmla="*/ 189409 h 299818"/>
                <a:gd name="connsiteX20" fmla="*/ 51755 w 328613"/>
                <a:gd name="connsiteY20" fmla="*/ 124421 h 299818"/>
                <a:gd name="connsiteX21" fmla="*/ 69881 w 328613"/>
                <a:gd name="connsiteY21" fmla="*/ 107524 h 299818"/>
                <a:gd name="connsiteX22" fmla="*/ 80238 w 328613"/>
                <a:gd name="connsiteY22" fmla="*/ 107524 h 299818"/>
                <a:gd name="connsiteX23" fmla="*/ 95774 w 328613"/>
                <a:gd name="connsiteY23" fmla="*/ 116622 h 299818"/>
                <a:gd name="connsiteX24" fmla="*/ 146266 w 328613"/>
                <a:gd name="connsiteY24" fmla="*/ 103624 h 299818"/>
                <a:gd name="connsiteX25" fmla="*/ 154438 w 328613"/>
                <a:gd name="connsiteY25" fmla="*/ 103563 h 299818"/>
                <a:gd name="connsiteX26" fmla="*/ 258763 w 328613"/>
                <a:gd name="connsiteY26" fmla="*/ 98425 h 299818"/>
                <a:gd name="connsiteX27" fmla="*/ 273051 w 328613"/>
                <a:gd name="connsiteY27" fmla="*/ 112713 h 299818"/>
                <a:gd name="connsiteX28" fmla="*/ 285751 w 328613"/>
                <a:gd name="connsiteY28" fmla="*/ 98425 h 299818"/>
                <a:gd name="connsiteX29" fmla="*/ 290513 w 328613"/>
                <a:gd name="connsiteY29" fmla="*/ 104775 h 299818"/>
                <a:gd name="connsiteX30" fmla="*/ 277813 w 328613"/>
                <a:gd name="connsiteY30" fmla="*/ 117475 h 299818"/>
                <a:gd name="connsiteX31" fmla="*/ 290513 w 328613"/>
                <a:gd name="connsiteY31" fmla="*/ 130175 h 299818"/>
                <a:gd name="connsiteX32" fmla="*/ 285751 w 328613"/>
                <a:gd name="connsiteY32" fmla="*/ 133350 h 299818"/>
                <a:gd name="connsiteX33" fmla="*/ 273051 w 328613"/>
                <a:gd name="connsiteY33" fmla="*/ 120650 h 299818"/>
                <a:gd name="connsiteX34" fmla="*/ 258763 w 328613"/>
                <a:gd name="connsiteY34" fmla="*/ 133350 h 299818"/>
                <a:gd name="connsiteX35" fmla="*/ 255588 w 328613"/>
                <a:gd name="connsiteY35" fmla="*/ 130175 h 299818"/>
                <a:gd name="connsiteX36" fmla="*/ 268288 w 328613"/>
                <a:gd name="connsiteY36" fmla="*/ 117475 h 299818"/>
                <a:gd name="connsiteX37" fmla="*/ 255588 w 328613"/>
                <a:gd name="connsiteY37" fmla="*/ 104775 h 299818"/>
                <a:gd name="connsiteX38" fmla="*/ 75407 w 328613"/>
                <a:gd name="connsiteY38" fmla="*/ 53975 h 299818"/>
                <a:gd name="connsiteX39" fmla="*/ 98426 w 328613"/>
                <a:gd name="connsiteY39" fmla="*/ 76200 h 299818"/>
                <a:gd name="connsiteX40" fmla="*/ 75407 w 328613"/>
                <a:gd name="connsiteY40" fmla="*/ 98425 h 299818"/>
                <a:gd name="connsiteX41" fmla="*/ 52388 w 328613"/>
                <a:gd name="connsiteY41" fmla="*/ 76200 h 299818"/>
                <a:gd name="connsiteX42" fmla="*/ 75407 w 328613"/>
                <a:gd name="connsiteY42" fmla="*/ 53975 h 299818"/>
                <a:gd name="connsiteX43" fmla="*/ 132688 w 328613"/>
                <a:gd name="connsiteY43" fmla="*/ 31615 h 299818"/>
                <a:gd name="connsiteX44" fmla="*/ 190486 w 328613"/>
                <a:gd name="connsiteY44" fmla="*/ 71338 h 299818"/>
                <a:gd name="connsiteX45" fmla="*/ 246063 w 328613"/>
                <a:gd name="connsiteY45" fmla="*/ 112614 h 299818"/>
                <a:gd name="connsiteX46" fmla="*/ 244770 w 328613"/>
                <a:gd name="connsiteY46" fmla="*/ 119063 h 299818"/>
                <a:gd name="connsiteX47" fmla="*/ 185316 w 328613"/>
                <a:gd name="connsiteY47" fmla="*/ 75208 h 299818"/>
                <a:gd name="connsiteX48" fmla="*/ 102598 w 328613"/>
                <a:gd name="connsiteY48" fmla="*/ 46831 h 299818"/>
                <a:gd name="connsiteX49" fmla="*/ 100013 w 328613"/>
                <a:gd name="connsiteY49" fmla="*/ 41672 h 299818"/>
                <a:gd name="connsiteX50" fmla="*/ 132688 w 328613"/>
                <a:gd name="connsiteY50" fmla="*/ 31615 h 299818"/>
                <a:gd name="connsiteX51" fmla="*/ 0 w 328613"/>
                <a:gd name="connsiteY51" fmla="*/ 0 h 299818"/>
                <a:gd name="connsiteX52" fmla="*/ 328613 w 328613"/>
                <a:gd name="connsiteY52" fmla="*/ 0 h 299818"/>
                <a:gd name="connsiteX53" fmla="*/ 328613 w 328613"/>
                <a:gd name="connsiteY53" fmla="*/ 161925 h 299818"/>
                <a:gd name="connsiteX54" fmla="*/ 104775 w 328613"/>
                <a:gd name="connsiteY54" fmla="*/ 161925 h 299818"/>
                <a:gd name="connsiteX55" fmla="*/ 104775 w 328613"/>
                <a:gd name="connsiteY55" fmla="*/ 149225 h 299818"/>
                <a:gd name="connsiteX56" fmla="*/ 315913 w 328613"/>
                <a:gd name="connsiteY56" fmla="*/ 149225 h 299818"/>
                <a:gd name="connsiteX57" fmla="*/ 315913 w 328613"/>
                <a:gd name="connsiteY57" fmla="*/ 14287 h 299818"/>
                <a:gd name="connsiteX58" fmla="*/ 12700 w 328613"/>
                <a:gd name="connsiteY58" fmla="*/ 14287 h 299818"/>
                <a:gd name="connsiteX59" fmla="*/ 12700 w 328613"/>
                <a:gd name="connsiteY59" fmla="*/ 149225 h 299818"/>
                <a:gd name="connsiteX60" fmla="*/ 46037 w 328613"/>
                <a:gd name="connsiteY60" fmla="*/ 149225 h 299818"/>
                <a:gd name="connsiteX61" fmla="*/ 46037 w 328613"/>
                <a:gd name="connsiteY61" fmla="*/ 161925 h 299818"/>
                <a:gd name="connsiteX62" fmla="*/ 0 w 328613"/>
                <a:gd name="connsiteY62" fmla="*/ 161925 h 29981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  <a:cxn ang="0">
                  <a:pos x="connsiteX45" y="connsiteY45"/>
                </a:cxn>
                <a:cxn ang="0">
                  <a:pos x="connsiteX46" y="connsiteY46"/>
                </a:cxn>
                <a:cxn ang="0">
                  <a:pos x="connsiteX47" y="connsiteY47"/>
                </a:cxn>
                <a:cxn ang="0">
                  <a:pos x="connsiteX48" y="connsiteY48"/>
                </a:cxn>
                <a:cxn ang="0">
                  <a:pos x="connsiteX49" y="connsiteY49"/>
                </a:cxn>
                <a:cxn ang="0">
                  <a:pos x="connsiteX50" y="connsiteY50"/>
                </a:cxn>
                <a:cxn ang="0">
                  <a:pos x="connsiteX51" y="connsiteY51"/>
                </a:cxn>
                <a:cxn ang="0">
                  <a:pos x="connsiteX52" y="connsiteY52"/>
                </a:cxn>
                <a:cxn ang="0">
                  <a:pos x="connsiteX53" y="connsiteY53"/>
                </a:cxn>
                <a:cxn ang="0">
                  <a:pos x="connsiteX54" y="connsiteY54"/>
                </a:cxn>
                <a:cxn ang="0">
                  <a:pos x="connsiteX55" y="connsiteY55"/>
                </a:cxn>
                <a:cxn ang="0">
                  <a:pos x="connsiteX56" y="connsiteY56"/>
                </a:cxn>
                <a:cxn ang="0">
                  <a:pos x="connsiteX57" y="connsiteY57"/>
                </a:cxn>
                <a:cxn ang="0">
                  <a:pos x="connsiteX58" y="connsiteY58"/>
                </a:cxn>
                <a:cxn ang="0">
                  <a:pos x="connsiteX59" y="connsiteY59"/>
                </a:cxn>
                <a:cxn ang="0">
                  <a:pos x="connsiteX60" y="connsiteY60"/>
                </a:cxn>
                <a:cxn ang="0">
                  <a:pos x="connsiteX61" y="connsiteY61"/>
                </a:cxn>
                <a:cxn ang="0">
                  <a:pos x="connsiteX62" y="connsiteY62"/>
                </a:cxn>
              </a:cxnLst>
              <a:rect l="l" t="t" r="r" b="b"/>
              <a:pathLst>
                <a:path w="328613" h="299818">
                  <a:moveTo>
                    <a:pt x="104775" y="169862"/>
                  </a:moveTo>
                  <a:lnTo>
                    <a:pt x="328613" y="169862"/>
                  </a:lnTo>
                  <a:lnTo>
                    <a:pt x="328613" y="182562"/>
                  </a:lnTo>
                  <a:lnTo>
                    <a:pt x="104775" y="182562"/>
                  </a:lnTo>
                  <a:close/>
                  <a:moveTo>
                    <a:pt x="0" y="169862"/>
                  </a:moveTo>
                  <a:lnTo>
                    <a:pt x="46038" y="169862"/>
                  </a:lnTo>
                  <a:lnTo>
                    <a:pt x="46038" y="182562"/>
                  </a:lnTo>
                  <a:lnTo>
                    <a:pt x="0" y="182562"/>
                  </a:lnTo>
                  <a:close/>
                  <a:moveTo>
                    <a:pt x="154438" y="103563"/>
                  </a:moveTo>
                  <a:cubicBezTo>
                    <a:pt x="161721" y="106793"/>
                    <a:pt x="165362" y="118247"/>
                    <a:pt x="156623" y="123121"/>
                  </a:cubicBezTo>
                  <a:cubicBezTo>
                    <a:pt x="138498" y="132219"/>
                    <a:pt x="117783" y="137418"/>
                    <a:pt x="98363" y="137418"/>
                  </a:cubicBezTo>
                  <a:cubicBezTo>
                    <a:pt x="98363" y="137418"/>
                    <a:pt x="98363" y="137418"/>
                    <a:pt x="98363" y="189409"/>
                  </a:cubicBezTo>
                  <a:cubicBezTo>
                    <a:pt x="98363" y="190709"/>
                    <a:pt x="97069" y="192009"/>
                    <a:pt x="97069" y="193308"/>
                  </a:cubicBezTo>
                  <a:cubicBezTo>
                    <a:pt x="106131" y="219304"/>
                    <a:pt x="110015" y="246599"/>
                    <a:pt x="110015" y="273894"/>
                  </a:cubicBezTo>
                  <a:cubicBezTo>
                    <a:pt x="110015" y="286892"/>
                    <a:pt x="89301" y="286892"/>
                    <a:pt x="89301" y="273894"/>
                  </a:cubicBezTo>
                  <a:cubicBezTo>
                    <a:pt x="89301" y="250498"/>
                    <a:pt x="85417" y="228402"/>
                    <a:pt x="78943" y="206306"/>
                  </a:cubicBezTo>
                  <a:cubicBezTo>
                    <a:pt x="80238" y="237500"/>
                    <a:pt x="77649" y="268695"/>
                    <a:pt x="60818" y="294690"/>
                  </a:cubicBezTo>
                  <a:cubicBezTo>
                    <a:pt x="53050" y="306388"/>
                    <a:pt x="34925" y="295990"/>
                    <a:pt x="41398" y="284292"/>
                  </a:cubicBezTo>
                  <a:cubicBezTo>
                    <a:pt x="58229" y="258297"/>
                    <a:pt x="59523" y="229702"/>
                    <a:pt x="56934" y="201107"/>
                  </a:cubicBezTo>
                  <a:cubicBezTo>
                    <a:pt x="54345" y="198507"/>
                    <a:pt x="51755" y="193308"/>
                    <a:pt x="51755" y="189409"/>
                  </a:cubicBezTo>
                  <a:cubicBezTo>
                    <a:pt x="51755" y="189409"/>
                    <a:pt x="51755" y="189409"/>
                    <a:pt x="51755" y="124421"/>
                  </a:cubicBezTo>
                  <a:cubicBezTo>
                    <a:pt x="51755" y="115322"/>
                    <a:pt x="59523" y="107524"/>
                    <a:pt x="69881" y="107524"/>
                  </a:cubicBezTo>
                  <a:cubicBezTo>
                    <a:pt x="69881" y="107524"/>
                    <a:pt x="69881" y="107524"/>
                    <a:pt x="80238" y="107524"/>
                  </a:cubicBezTo>
                  <a:cubicBezTo>
                    <a:pt x="86711" y="107524"/>
                    <a:pt x="93185" y="111423"/>
                    <a:pt x="95774" y="116622"/>
                  </a:cubicBezTo>
                  <a:cubicBezTo>
                    <a:pt x="112604" y="116622"/>
                    <a:pt x="129435" y="112723"/>
                    <a:pt x="146266" y="103624"/>
                  </a:cubicBezTo>
                  <a:cubicBezTo>
                    <a:pt x="149179" y="102325"/>
                    <a:pt x="152011" y="102487"/>
                    <a:pt x="154438" y="103563"/>
                  </a:cubicBezTo>
                  <a:close/>
                  <a:moveTo>
                    <a:pt x="258763" y="98425"/>
                  </a:moveTo>
                  <a:lnTo>
                    <a:pt x="273051" y="112713"/>
                  </a:lnTo>
                  <a:lnTo>
                    <a:pt x="285751" y="98425"/>
                  </a:lnTo>
                  <a:lnTo>
                    <a:pt x="290513" y="104775"/>
                  </a:lnTo>
                  <a:lnTo>
                    <a:pt x="277813" y="117475"/>
                  </a:lnTo>
                  <a:lnTo>
                    <a:pt x="290513" y="130175"/>
                  </a:lnTo>
                  <a:lnTo>
                    <a:pt x="285751" y="133350"/>
                  </a:lnTo>
                  <a:lnTo>
                    <a:pt x="273051" y="120650"/>
                  </a:lnTo>
                  <a:lnTo>
                    <a:pt x="258763" y="133350"/>
                  </a:lnTo>
                  <a:lnTo>
                    <a:pt x="255588" y="130175"/>
                  </a:lnTo>
                  <a:lnTo>
                    <a:pt x="268288" y="117475"/>
                  </a:lnTo>
                  <a:lnTo>
                    <a:pt x="255588" y="104775"/>
                  </a:lnTo>
                  <a:close/>
                  <a:moveTo>
                    <a:pt x="75407" y="53975"/>
                  </a:moveTo>
                  <a:cubicBezTo>
                    <a:pt x="88120" y="53975"/>
                    <a:pt x="98426" y="63925"/>
                    <a:pt x="98426" y="76200"/>
                  </a:cubicBezTo>
                  <a:cubicBezTo>
                    <a:pt x="98426" y="88475"/>
                    <a:pt x="88120" y="98425"/>
                    <a:pt x="75407" y="98425"/>
                  </a:cubicBezTo>
                  <a:cubicBezTo>
                    <a:pt x="62694" y="98425"/>
                    <a:pt x="52388" y="88475"/>
                    <a:pt x="52388" y="76200"/>
                  </a:cubicBezTo>
                  <a:cubicBezTo>
                    <a:pt x="52388" y="63925"/>
                    <a:pt x="62694" y="53975"/>
                    <a:pt x="75407" y="53975"/>
                  </a:cubicBezTo>
                  <a:close/>
                  <a:moveTo>
                    <a:pt x="132688" y="31615"/>
                  </a:moveTo>
                  <a:cubicBezTo>
                    <a:pt x="160679" y="29982"/>
                    <a:pt x="175946" y="51023"/>
                    <a:pt x="190486" y="71338"/>
                  </a:cubicBezTo>
                  <a:cubicBezTo>
                    <a:pt x="204704" y="90686"/>
                    <a:pt x="220213" y="110034"/>
                    <a:pt x="246063" y="112614"/>
                  </a:cubicBezTo>
                  <a:cubicBezTo>
                    <a:pt x="246063" y="112614"/>
                    <a:pt x="246063" y="112614"/>
                    <a:pt x="244770" y="119063"/>
                  </a:cubicBezTo>
                  <a:cubicBezTo>
                    <a:pt x="216336" y="116484"/>
                    <a:pt x="200826" y="95845"/>
                    <a:pt x="185316" y="75208"/>
                  </a:cubicBezTo>
                  <a:cubicBezTo>
                    <a:pt x="165929" y="48121"/>
                    <a:pt x="147835" y="24904"/>
                    <a:pt x="102598" y="46831"/>
                  </a:cubicBezTo>
                  <a:cubicBezTo>
                    <a:pt x="102598" y="46831"/>
                    <a:pt x="102598" y="46831"/>
                    <a:pt x="100013" y="41672"/>
                  </a:cubicBezTo>
                  <a:cubicBezTo>
                    <a:pt x="112615" y="35223"/>
                    <a:pt x="123358" y="32159"/>
                    <a:pt x="132688" y="31615"/>
                  </a:cubicBezTo>
                  <a:close/>
                  <a:moveTo>
                    <a:pt x="0" y="0"/>
                  </a:moveTo>
                  <a:lnTo>
                    <a:pt x="328613" y="0"/>
                  </a:lnTo>
                  <a:lnTo>
                    <a:pt x="328613" y="161925"/>
                  </a:lnTo>
                  <a:lnTo>
                    <a:pt x="104775" y="161925"/>
                  </a:lnTo>
                  <a:lnTo>
                    <a:pt x="104775" y="149225"/>
                  </a:lnTo>
                  <a:lnTo>
                    <a:pt x="315913" y="149225"/>
                  </a:lnTo>
                  <a:lnTo>
                    <a:pt x="315913" y="14287"/>
                  </a:lnTo>
                  <a:lnTo>
                    <a:pt x="12700" y="14287"/>
                  </a:lnTo>
                  <a:lnTo>
                    <a:pt x="12700" y="149225"/>
                  </a:lnTo>
                  <a:lnTo>
                    <a:pt x="46037" y="149225"/>
                  </a:lnTo>
                  <a:lnTo>
                    <a:pt x="46037" y="161925"/>
                  </a:lnTo>
                  <a:lnTo>
                    <a:pt x="0" y="161925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txBody>
            <a:bodyPr/>
            <a:lstStyle/>
            <a:p>
              <a:endParaRPr lang="zh-CN" altLang="en-US">
                <a:cs typeface="+mn-ea"/>
                <a:sym typeface="+mn-lt"/>
              </a:endParaRPr>
            </a:p>
          </p:txBody>
        </p:sp>
      </p:grpSp>
      <p:sp>
        <p:nvSpPr>
          <p:cNvPr id="32" name="椭圆 2"/>
          <p:cNvSpPr/>
          <p:nvPr/>
        </p:nvSpPr>
        <p:spPr>
          <a:xfrm>
            <a:off x="2352542" y="793269"/>
            <a:ext cx="7293876" cy="871771"/>
          </a:xfrm>
          <a:prstGeom prst="ellipse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r>
              <a:rPr lang="en-US" altLang="zh-CN" sz="4000" b="1" dirty="0" err="1">
                <a:solidFill>
                  <a:srgbClr val="FF0000"/>
                </a:solidFill>
                <a:cs typeface="+mn-ea"/>
                <a:sym typeface="+mn-lt"/>
              </a:rPr>
              <a:t>CÁC</a:t>
            </a:r>
            <a:r>
              <a:rPr lang="en-US" altLang="zh-CN" sz="4000" b="1" dirty="0">
                <a:solidFill>
                  <a:srgbClr val="FF0000"/>
                </a:solidFill>
                <a:cs typeface="+mn-ea"/>
                <a:sym typeface="+mn-lt"/>
              </a:rPr>
              <a:t> </a:t>
            </a:r>
            <a:r>
              <a:rPr lang="en-US" altLang="zh-CN" sz="4000" b="1" dirty="0" err="1">
                <a:solidFill>
                  <a:srgbClr val="FF0000"/>
                </a:solidFill>
                <a:cs typeface="+mn-ea"/>
                <a:sym typeface="+mn-lt"/>
              </a:rPr>
              <a:t>BƯỚC</a:t>
            </a:r>
            <a:r>
              <a:rPr lang="en-US" altLang="zh-CN" sz="4000" b="1" dirty="0">
                <a:solidFill>
                  <a:srgbClr val="FF0000"/>
                </a:solidFill>
                <a:cs typeface="+mn-ea"/>
                <a:sym typeface="+mn-lt"/>
              </a:rPr>
              <a:t> </a:t>
            </a:r>
            <a:r>
              <a:rPr lang="en-US" altLang="zh-CN" sz="4000" b="1" dirty="0" err="1">
                <a:solidFill>
                  <a:srgbClr val="FF0000"/>
                </a:solidFill>
                <a:cs typeface="+mn-ea"/>
                <a:sym typeface="+mn-lt"/>
              </a:rPr>
              <a:t>TIẾN</a:t>
            </a:r>
            <a:r>
              <a:rPr lang="en-US" altLang="zh-CN" sz="4000" b="1" dirty="0">
                <a:solidFill>
                  <a:srgbClr val="FF0000"/>
                </a:solidFill>
                <a:cs typeface="+mn-ea"/>
                <a:sym typeface="+mn-lt"/>
              </a:rPr>
              <a:t> </a:t>
            </a:r>
            <a:r>
              <a:rPr lang="en-US" altLang="zh-CN" sz="4000" b="1" dirty="0" err="1">
                <a:solidFill>
                  <a:srgbClr val="FF0000"/>
                </a:solidFill>
                <a:cs typeface="+mn-ea"/>
                <a:sym typeface="+mn-lt"/>
              </a:rPr>
              <a:t>HÀNH</a:t>
            </a:r>
            <a:endParaRPr lang="zh-CN" altLang="en-US" sz="4000" b="1" dirty="0">
              <a:solidFill>
                <a:srgbClr val="FF0000"/>
              </a:solidFill>
              <a:cs typeface="+mn-ea"/>
              <a:sym typeface="+mn-lt"/>
            </a:endParaRPr>
          </a:p>
        </p:txBody>
      </p:sp>
      <p:sp>
        <p:nvSpPr>
          <p:cNvPr id="2" name="AutoShape 2" descr="Mạng xã hội: Cùng kết nối, sẻ chia | VTV.VN"/>
          <p:cNvSpPr>
            <a:spLocks noChangeAspect="1" noChangeArrowheads="1"/>
          </p:cNvSpPr>
          <p:nvPr/>
        </p:nvSpPr>
        <p:spPr bwMode="auto">
          <a:xfrm>
            <a:off x="155575" y="-144462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375" tIns="45690" rIns="91375" bIns="45690" numCol="1" anchor="t" anchorCtr="0" compatLnSpc="1"/>
          <a:lstStyle/>
          <a:p>
            <a:endParaRPr lang="en-US"/>
          </a:p>
        </p:txBody>
      </p:sp>
      <p:sp>
        <p:nvSpPr>
          <p:cNvPr id="3" name="AutoShape 2" descr="Danh sách 105 mạng xã hội hàng đầu thế giới hiện tại - SEO HOT"/>
          <p:cNvSpPr>
            <a:spLocks noChangeAspect="1" noChangeArrowheads="1"/>
          </p:cNvSpPr>
          <p:nvPr/>
        </p:nvSpPr>
        <p:spPr bwMode="auto">
          <a:xfrm>
            <a:off x="307975" y="7939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38" tIns="45719" rIns="91438" bIns="45719" numCol="1" anchor="t" anchorCtr="0" compatLnSpc="1"/>
          <a:lstStyle/>
          <a:p>
            <a:endParaRPr lang="en-US"/>
          </a:p>
        </p:txBody>
      </p:sp>
      <p:sp>
        <p:nvSpPr>
          <p:cNvPr id="4" name="AutoShape 4" descr="Hình ảnh của Bản thân trên Mạng xã hội"/>
          <p:cNvSpPr>
            <a:spLocks noChangeAspect="1" noChangeArrowheads="1"/>
          </p:cNvSpPr>
          <p:nvPr/>
        </p:nvSpPr>
        <p:spPr bwMode="auto">
          <a:xfrm>
            <a:off x="460375" y="160340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38" tIns="45719" rIns="91438" bIns="45719" numCol="1" anchor="t" anchorCtr="0" compatLnSpc="1"/>
          <a:lstStyle/>
          <a:p>
            <a:endParaRPr lang="en-US"/>
          </a:p>
        </p:txBody>
      </p:sp>
      <p:sp>
        <p:nvSpPr>
          <p:cNvPr id="5" name="AutoShape 8" descr="Danh sách 105 mạng xã hội hàng đầu thế giới hiện tại - SEO HOT"/>
          <p:cNvSpPr>
            <a:spLocks noChangeAspect="1" noChangeArrowheads="1"/>
          </p:cNvSpPr>
          <p:nvPr/>
        </p:nvSpPr>
        <p:spPr bwMode="auto">
          <a:xfrm>
            <a:off x="612775" y="312741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38" tIns="45719" rIns="91438" bIns="45719" numCol="1" anchor="t" anchorCtr="0" compatLnSpc="1"/>
          <a:lstStyle/>
          <a:p>
            <a:endParaRPr lang="en-US"/>
          </a:p>
        </p:txBody>
      </p:sp>
      <p:pic>
        <p:nvPicPr>
          <p:cNvPr id="33" name="Picture 15" descr="xmaslights"/>
          <p:cNvPicPr>
            <a:picLocks noChangeAspect="1" noChangeArrowheads="1" noCrop="1"/>
          </p:cNvPicPr>
          <p:nvPr/>
        </p:nvPicPr>
        <p:blipFill>
          <a:blip r:embed="rId1"/>
          <a:srcRect/>
          <a:stretch>
            <a:fillRect/>
          </a:stretch>
        </p:blipFill>
        <p:spPr bwMode="auto">
          <a:xfrm rot="10800000">
            <a:off x="1318164" y="6116867"/>
            <a:ext cx="9144000" cy="762000"/>
          </a:xfrm>
          <a:prstGeom prst="rect">
            <a:avLst/>
          </a:prstGeom>
          <a:noFill/>
        </p:spPr>
      </p:pic>
      <p:pic>
        <p:nvPicPr>
          <p:cNvPr id="34" name="Picture 15" descr="xmaslights"/>
          <p:cNvPicPr>
            <a:picLocks noChangeAspect="1" noChangeArrowheads="1" noCrop="1"/>
          </p:cNvPicPr>
          <p:nvPr/>
        </p:nvPicPr>
        <p:blipFill>
          <a:blip r:embed="rId1"/>
          <a:srcRect/>
          <a:stretch>
            <a:fillRect/>
          </a:stretch>
        </p:blipFill>
        <p:spPr bwMode="auto">
          <a:xfrm rot="5400000">
            <a:off x="8675530" y="3356773"/>
            <a:ext cx="6240459" cy="762000"/>
          </a:xfrm>
          <a:prstGeom prst="rect">
            <a:avLst/>
          </a:prstGeom>
          <a:noFill/>
        </p:spPr>
      </p:pic>
      <p:pic>
        <p:nvPicPr>
          <p:cNvPr id="36" name="Picture 15" descr="xmaslights"/>
          <p:cNvPicPr>
            <a:picLocks noChangeAspect="1" noChangeArrowheads="1" noCrop="1"/>
          </p:cNvPicPr>
          <p:nvPr/>
        </p:nvPicPr>
        <p:blipFill>
          <a:blip r:embed="rId1"/>
          <a:srcRect/>
          <a:stretch>
            <a:fillRect/>
          </a:stretch>
        </p:blipFill>
        <p:spPr bwMode="auto">
          <a:xfrm rot="16200000">
            <a:off x="-2762565" y="3352802"/>
            <a:ext cx="6232520" cy="762000"/>
          </a:xfrm>
          <a:prstGeom prst="rect">
            <a:avLst/>
          </a:prstGeom>
          <a:noFill/>
        </p:spPr>
      </p:pic>
      <p:grpSp>
        <p:nvGrpSpPr>
          <p:cNvPr id="6" name="组合 21"/>
          <p:cNvGrpSpPr/>
          <p:nvPr/>
        </p:nvGrpSpPr>
        <p:grpSpPr>
          <a:xfrm>
            <a:off x="5298889" y="4108524"/>
            <a:ext cx="1506371" cy="1506371"/>
            <a:chOff x="4606019" y="1567702"/>
            <a:chExt cx="1129778" cy="1129778"/>
          </a:xfrm>
        </p:grpSpPr>
        <p:sp>
          <p:nvSpPr>
            <p:cNvPr id="7" name="Oval 23"/>
            <p:cNvSpPr/>
            <p:nvPr/>
          </p:nvSpPr>
          <p:spPr>
            <a:xfrm>
              <a:off x="4606019" y="1567702"/>
              <a:ext cx="1129778" cy="1129778"/>
            </a:xfrm>
            <a:prstGeom prst="ellipse">
              <a:avLst/>
            </a:prstGeom>
            <a:solidFill>
              <a:srgbClr val="F5C700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 sz="3200">
                <a:cs typeface="+mn-ea"/>
                <a:sym typeface="+mn-lt"/>
              </a:endParaRPr>
            </a:p>
          </p:txBody>
        </p:sp>
        <p:sp>
          <p:nvSpPr>
            <p:cNvPr id="8" name="text-file-document_69927"/>
            <p:cNvSpPr>
              <a:spLocks noChangeAspect="1"/>
            </p:cNvSpPr>
            <p:nvPr/>
          </p:nvSpPr>
          <p:spPr bwMode="auto">
            <a:xfrm>
              <a:off x="4902013" y="1814175"/>
              <a:ext cx="537789" cy="609685"/>
            </a:xfrm>
            <a:custGeom>
              <a:avLst/>
              <a:gdLst>
                <a:gd name="connsiteX0" fmla="*/ 85348 w 296863"/>
                <a:gd name="connsiteY0" fmla="*/ 236537 h 336550"/>
                <a:gd name="connsiteX1" fmla="*/ 211516 w 296863"/>
                <a:gd name="connsiteY1" fmla="*/ 236537 h 336550"/>
                <a:gd name="connsiteX2" fmla="*/ 228601 w 296863"/>
                <a:gd name="connsiteY2" fmla="*/ 253206 h 336550"/>
                <a:gd name="connsiteX3" fmla="*/ 211516 w 296863"/>
                <a:gd name="connsiteY3" fmla="*/ 269875 h 336550"/>
                <a:gd name="connsiteX4" fmla="*/ 85348 w 296863"/>
                <a:gd name="connsiteY4" fmla="*/ 269875 h 336550"/>
                <a:gd name="connsiteX5" fmla="*/ 68263 w 296863"/>
                <a:gd name="connsiteY5" fmla="*/ 253206 h 336550"/>
                <a:gd name="connsiteX6" fmla="*/ 85348 w 296863"/>
                <a:gd name="connsiteY6" fmla="*/ 236537 h 336550"/>
                <a:gd name="connsiteX7" fmla="*/ 85348 w 296863"/>
                <a:gd name="connsiteY7" fmla="*/ 173037 h 336550"/>
                <a:gd name="connsiteX8" fmla="*/ 211516 w 296863"/>
                <a:gd name="connsiteY8" fmla="*/ 173037 h 336550"/>
                <a:gd name="connsiteX9" fmla="*/ 228601 w 296863"/>
                <a:gd name="connsiteY9" fmla="*/ 190373 h 336550"/>
                <a:gd name="connsiteX10" fmla="*/ 211516 w 296863"/>
                <a:gd name="connsiteY10" fmla="*/ 206375 h 336550"/>
                <a:gd name="connsiteX11" fmla="*/ 85348 w 296863"/>
                <a:gd name="connsiteY11" fmla="*/ 206375 h 336550"/>
                <a:gd name="connsiteX12" fmla="*/ 68263 w 296863"/>
                <a:gd name="connsiteY12" fmla="*/ 190373 h 336550"/>
                <a:gd name="connsiteX13" fmla="*/ 85348 w 296863"/>
                <a:gd name="connsiteY13" fmla="*/ 173037 h 336550"/>
                <a:gd name="connsiteX14" fmla="*/ 164614 w 296863"/>
                <a:gd name="connsiteY14" fmla="*/ 115887 h 336550"/>
                <a:gd name="connsiteX15" fmla="*/ 211625 w 296863"/>
                <a:gd name="connsiteY15" fmla="*/ 115887 h 336550"/>
                <a:gd name="connsiteX16" fmla="*/ 228601 w 296863"/>
                <a:gd name="connsiteY16" fmla="*/ 133349 h 336550"/>
                <a:gd name="connsiteX17" fmla="*/ 211625 w 296863"/>
                <a:gd name="connsiteY17" fmla="*/ 150812 h 336550"/>
                <a:gd name="connsiteX18" fmla="*/ 164614 w 296863"/>
                <a:gd name="connsiteY18" fmla="*/ 150812 h 336550"/>
                <a:gd name="connsiteX19" fmla="*/ 147638 w 296863"/>
                <a:gd name="connsiteY19" fmla="*/ 133349 h 336550"/>
                <a:gd name="connsiteX20" fmla="*/ 164614 w 296863"/>
                <a:gd name="connsiteY20" fmla="*/ 115887 h 336550"/>
                <a:gd name="connsiteX21" fmla="*/ 164614 w 296863"/>
                <a:gd name="connsiteY21" fmla="*/ 61912 h 336550"/>
                <a:gd name="connsiteX22" fmla="*/ 211625 w 296863"/>
                <a:gd name="connsiteY22" fmla="*/ 61912 h 336550"/>
                <a:gd name="connsiteX23" fmla="*/ 228601 w 296863"/>
                <a:gd name="connsiteY23" fmla="*/ 77152 h 336550"/>
                <a:gd name="connsiteX24" fmla="*/ 211625 w 296863"/>
                <a:gd name="connsiteY24" fmla="*/ 93662 h 336550"/>
                <a:gd name="connsiteX25" fmla="*/ 164614 w 296863"/>
                <a:gd name="connsiteY25" fmla="*/ 93662 h 336550"/>
                <a:gd name="connsiteX26" fmla="*/ 147638 w 296863"/>
                <a:gd name="connsiteY26" fmla="*/ 77152 h 336550"/>
                <a:gd name="connsiteX27" fmla="*/ 164614 w 296863"/>
                <a:gd name="connsiteY27" fmla="*/ 61912 h 336550"/>
                <a:gd name="connsiteX28" fmla="*/ 127397 w 296863"/>
                <a:gd name="connsiteY28" fmla="*/ 22225 h 336550"/>
                <a:gd name="connsiteX29" fmla="*/ 127397 w 296863"/>
                <a:gd name="connsiteY29" fmla="*/ 110381 h 336550"/>
                <a:gd name="connsiteX30" fmla="*/ 111621 w 296863"/>
                <a:gd name="connsiteY30" fmla="*/ 124854 h 336550"/>
                <a:gd name="connsiteX31" fmla="*/ 22225 w 296863"/>
                <a:gd name="connsiteY31" fmla="*/ 124854 h 336550"/>
                <a:gd name="connsiteX32" fmla="*/ 22225 w 296863"/>
                <a:gd name="connsiteY32" fmla="*/ 305115 h 336550"/>
                <a:gd name="connsiteX33" fmla="*/ 31427 w 296863"/>
                <a:gd name="connsiteY33" fmla="*/ 314325 h 336550"/>
                <a:gd name="connsiteX34" fmla="*/ 265436 w 296863"/>
                <a:gd name="connsiteY34" fmla="*/ 314325 h 336550"/>
                <a:gd name="connsiteX35" fmla="*/ 274638 w 296863"/>
                <a:gd name="connsiteY35" fmla="*/ 305115 h 336550"/>
                <a:gd name="connsiteX36" fmla="*/ 274638 w 296863"/>
                <a:gd name="connsiteY36" fmla="*/ 31435 h 336550"/>
                <a:gd name="connsiteX37" fmla="*/ 265436 w 296863"/>
                <a:gd name="connsiteY37" fmla="*/ 22225 h 336550"/>
                <a:gd name="connsiteX38" fmla="*/ 127397 w 296863"/>
                <a:gd name="connsiteY38" fmla="*/ 22225 h 336550"/>
                <a:gd name="connsiteX39" fmla="*/ 118220 w 296863"/>
                <a:gd name="connsiteY39" fmla="*/ 0 h 336550"/>
                <a:gd name="connsiteX40" fmla="*/ 265338 w 296863"/>
                <a:gd name="connsiteY40" fmla="*/ 0 h 336550"/>
                <a:gd name="connsiteX41" fmla="*/ 296863 w 296863"/>
                <a:gd name="connsiteY41" fmla="*/ 31551 h 336550"/>
                <a:gd name="connsiteX42" fmla="*/ 296863 w 296863"/>
                <a:gd name="connsiteY42" fmla="*/ 304999 h 336550"/>
                <a:gd name="connsiteX43" fmla="*/ 265338 w 296863"/>
                <a:gd name="connsiteY43" fmla="*/ 336550 h 336550"/>
                <a:gd name="connsiteX44" fmla="*/ 31525 w 296863"/>
                <a:gd name="connsiteY44" fmla="*/ 336550 h 336550"/>
                <a:gd name="connsiteX45" fmla="*/ 0 w 296863"/>
                <a:gd name="connsiteY45" fmla="*/ 304999 h 336550"/>
                <a:gd name="connsiteX46" fmla="*/ 0 w 296863"/>
                <a:gd name="connsiteY46" fmla="*/ 119633 h 336550"/>
                <a:gd name="connsiteX47" fmla="*/ 9195 w 296863"/>
                <a:gd name="connsiteY47" fmla="*/ 97284 h 336550"/>
                <a:gd name="connsiteX48" fmla="*/ 95889 w 296863"/>
                <a:gd name="connsiteY48" fmla="*/ 9202 h 336550"/>
                <a:gd name="connsiteX49" fmla="*/ 118220 w 296863"/>
                <a:gd name="connsiteY49" fmla="*/ 0 h 3365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  <a:cxn ang="0">
                  <a:pos x="connsiteX45" y="connsiteY45"/>
                </a:cxn>
                <a:cxn ang="0">
                  <a:pos x="connsiteX46" y="connsiteY46"/>
                </a:cxn>
                <a:cxn ang="0">
                  <a:pos x="connsiteX47" y="connsiteY47"/>
                </a:cxn>
                <a:cxn ang="0">
                  <a:pos x="connsiteX48" y="connsiteY48"/>
                </a:cxn>
                <a:cxn ang="0">
                  <a:pos x="connsiteX49" y="connsiteY49"/>
                </a:cxn>
              </a:cxnLst>
              <a:rect l="l" t="t" r="r" b="b"/>
              <a:pathLst>
                <a:path w="296863" h="336550">
                  <a:moveTo>
                    <a:pt x="85348" y="236537"/>
                  </a:moveTo>
                  <a:cubicBezTo>
                    <a:pt x="85348" y="236537"/>
                    <a:pt x="85348" y="236537"/>
                    <a:pt x="211516" y="236537"/>
                  </a:cubicBezTo>
                  <a:cubicBezTo>
                    <a:pt x="220716" y="236537"/>
                    <a:pt x="228601" y="244231"/>
                    <a:pt x="228601" y="253206"/>
                  </a:cubicBezTo>
                  <a:cubicBezTo>
                    <a:pt x="228601" y="262182"/>
                    <a:pt x="220716" y="269875"/>
                    <a:pt x="211516" y="269875"/>
                  </a:cubicBezTo>
                  <a:cubicBezTo>
                    <a:pt x="211516" y="269875"/>
                    <a:pt x="211516" y="269875"/>
                    <a:pt x="85348" y="269875"/>
                  </a:cubicBezTo>
                  <a:cubicBezTo>
                    <a:pt x="76149" y="269875"/>
                    <a:pt x="68263" y="262182"/>
                    <a:pt x="68263" y="253206"/>
                  </a:cubicBezTo>
                  <a:cubicBezTo>
                    <a:pt x="68263" y="244231"/>
                    <a:pt x="76149" y="236537"/>
                    <a:pt x="85348" y="236537"/>
                  </a:cubicBezTo>
                  <a:close/>
                  <a:moveTo>
                    <a:pt x="85348" y="173037"/>
                  </a:moveTo>
                  <a:cubicBezTo>
                    <a:pt x="85348" y="173037"/>
                    <a:pt x="85348" y="173037"/>
                    <a:pt x="211516" y="173037"/>
                  </a:cubicBezTo>
                  <a:cubicBezTo>
                    <a:pt x="220716" y="173037"/>
                    <a:pt x="228601" y="181038"/>
                    <a:pt x="228601" y="190373"/>
                  </a:cubicBezTo>
                  <a:cubicBezTo>
                    <a:pt x="228601" y="199707"/>
                    <a:pt x="220716" y="206375"/>
                    <a:pt x="211516" y="206375"/>
                  </a:cubicBezTo>
                  <a:cubicBezTo>
                    <a:pt x="211516" y="206375"/>
                    <a:pt x="211516" y="206375"/>
                    <a:pt x="85348" y="206375"/>
                  </a:cubicBezTo>
                  <a:cubicBezTo>
                    <a:pt x="76149" y="206375"/>
                    <a:pt x="68263" y="199707"/>
                    <a:pt x="68263" y="190373"/>
                  </a:cubicBezTo>
                  <a:cubicBezTo>
                    <a:pt x="68263" y="181038"/>
                    <a:pt x="76149" y="173037"/>
                    <a:pt x="85348" y="173037"/>
                  </a:cubicBezTo>
                  <a:close/>
                  <a:moveTo>
                    <a:pt x="164614" y="115887"/>
                  </a:moveTo>
                  <a:cubicBezTo>
                    <a:pt x="164614" y="115887"/>
                    <a:pt x="164614" y="115887"/>
                    <a:pt x="211625" y="115887"/>
                  </a:cubicBezTo>
                  <a:cubicBezTo>
                    <a:pt x="220766" y="115887"/>
                    <a:pt x="228601" y="123946"/>
                    <a:pt x="228601" y="133349"/>
                  </a:cubicBezTo>
                  <a:cubicBezTo>
                    <a:pt x="228601" y="142752"/>
                    <a:pt x="220766" y="150812"/>
                    <a:pt x="211625" y="150812"/>
                  </a:cubicBezTo>
                  <a:cubicBezTo>
                    <a:pt x="211625" y="150812"/>
                    <a:pt x="211625" y="150812"/>
                    <a:pt x="164614" y="150812"/>
                  </a:cubicBezTo>
                  <a:cubicBezTo>
                    <a:pt x="155473" y="150812"/>
                    <a:pt x="147638" y="142752"/>
                    <a:pt x="147638" y="133349"/>
                  </a:cubicBezTo>
                  <a:cubicBezTo>
                    <a:pt x="147638" y="123946"/>
                    <a:pt x="155473" y="115887"/>
                    <a:pt x="164614" y="115887"/>
                  </a:cubicBezTo>
                  <a:close/>
                  <a:moveTo>
                    <a:pt x="164614" y="61912"/>
                  </a:moveTo>
                  <a:cubicBezTo>
                    <a:pt x="164614" y="61912"/>
                    <a:pt x="164614" y="61912"/>
                    <a:pt x="211625" y="61912"/>
                  </a:cubicBezTo>
                  <a:cubicBezTo>
                    <a:pt x="220766" y="61912"/>
                    <a:pt x="228601" y="68262"/>
                    <a:pt x="228601" y="77152"/>
                  </a:cubicBezTo>
                  <a:cubicBezTo>
                    <a:pt x="228601" y="86042"/>
                    <a:pt x="220766" y="93662"/>
                    <a:pt x="211625" y="93662"/>
                  </a:cubicBezTo>
                  <a:cubicBezTo>
                    <a:pt x="211625" y="93662"/>
                    <a:pt x="211625" y="93662"/>
                    <a:pt x="164614" y="93662"/>
                  </a:cubicBezTo>
                  <a:cubicBezTo>
                    <a:pt x="155473" y="93662"/>
                    <a:pt x="147638" y="86042"/>
                    <a:pt x="147638" y="77152"/>
                  </a:cubicBezTo>
                  <a:cubicBezTo>
                    <a:pt x="147638" y="68262"/>
                    <a:pt x="155473" y="61912"/>
                    <a:pt x="164614" y="61912"/>
                  </a:cubicBezTo>
                  <a:close/>
                  <a:moveTo>
                    <a:pt x="127397" y="22225"/>
                  </a:moveTo>
                  <a:cubicBezTo>
                    <a:pt x="127397" y="22225"/>
                    <a:pt x="127397" y="22225"/>
                    <a:pt x="127397" y="110381"/>
                  </a:cubicBezTo>
                  <a:cubicBezTo>
                    <a:pt x="127397" y="118276"/>
                    <a:pt x="119509" y="124854"/>
                    <a:pt x="111621" y="124854"/>
                  </a:cubicBezTo>
                  <a:cubicBezTo>
                    <a:pt x="111621" y="124854"/>
                    <a:pt x="111621" y="124854"/>
                    <a:pt x="22225" y="124854"/>
                  </a:cubicBezTo>
                  <a:cubicBezTo>
                    <a:pt x="22225" y="124854"/>
                    <a:pt x="22225" y="124854"/>
                    <a:pt x="22225" y="305115"/>
                  </a:cubicBezTo>
                  <a:cubicBezTo>
                    <a:pt x="22225" y="310378"/>
                    <a:pt x="26169" y="314325"/>
                    <a:pt x="31427" y="314325"/>
                  </a:cubicBezTo>
                  <a:cubicBezTo>
                    <a:pt x="31427" y="314325"/>
                    <a:pt x="31427" y="314325"/>
                    <a:pt x="265436" y="314325"/>
                  </a:cubicBezTo>
                  <a:cubicBezTo>
                    <a:pt x="270694" y="314325"/>
                    <a:pt x="274638" y="310378"/>
                    <a:pt x="274638" y="305115"/>
                  </a:cubicBezTo>
                  <a:lnTo>
                    <a:pt x="274638" y="31435"/>
                  </a:lnTo>
                  <a:cubicBezTo>
                    <a:pt x="274638" y="26172"/>
                    <a:pt x="270694" y="22225"/>
                    <a:pt x="265436" y="22225"/>
                  </a:cubicBezTo>
                  <a:cubicBezTo>
                    <a:pt x="265436" y="22225"/>
                    <a:pt x="265436" y="22225"/>
                    <a:pt x="127397" y="22225"/>
                  </a:cubicBezTo>
                  <a:close/>
                  <a:moveTo>
                    <a:pt x="118220" y="0"/>
                  </a:moveTo>
                  <a:cubicBezTo>
                    <a:pt x="118220" y="0"/>
                    <a:pt x="118220" y="0"/>
                    <a:pt x="265338" y="0"/>
                  </a:cubicBezTo>
                  <a:cubicBezTo>
                    <a:pt x="282414" y="0"/>
                    <a:pt x="296863" y="14461"/>
                    <a:pt x="296863" y="31551"/>
                  </a:cubicBezTo>
                  <a:cubicBezTo>
                    <a:pt x="296863" y="31551"/>
                    <a:pt x="296863" y="31551"/>
                    <a:pt x="296863" y="304999"/>
                  </a:cubicBezTo>
                  <a:cubicBezTo>
                    <a:pt x="296863" y="322089"/>
                    <a:pt x="282414" y="336550"/>
                    <a:pt x="265338" y="336550"/>
                  </a:cubicBezTo>
                  <a:cubicBezTo>
                    <a:pt x="265338" y="336550"/>
                    <a:pt x="265338" y="336550"/>
                    <a:pt x="31525" y="336550"/>
                  </a:cubicBezTo>
                  <a:cubicBezTo>
                    <a:pt x="14449" y="336550"/>
                    <a:pt x="0" y="322089"/>
                    <a:pt x="0" y="304999"/>
                  </a:cubicBezTo>
                  <a:cubicBezTo>
                    <a:pt x="0" y="304999"/>
                    <a:pt x="0" y="304999"/>
                    <a:pt x="0" y="119633"/>
                  </a:cubicBezTo>
                  <a:cubicBezTo>
                    <a:pt x="0" y="110430"/>
                    <a:pt x="3941" y="102542"/>
                    <a:pt x="9195" y="97284"/>
                  </a:cubicBezTo>
                  <a:cubicBezTo>
                    <a:pt x="9195" y="97284"/>
                    <a:pt x="9195" y="97284"/>
                    <a:pt x="95889" y="9202"/>
                  </a:cubicBezTo>
                  <a:cubicBezTo>
                    <a:pt x="102457" y="3944"/>
                    <a:pt x="110339" y="0"/>
                    <a:pt x="118220" y="0"/>
                  </a:cubicBez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txBody>
            <a:bodyPr/>
            <a:lstStyle/>
            <a:p>
              <a:endParaRPr lang="zh-CN" altLang="en-US">
                <a:cs typeface="+mn-ea"/>
                <a:sym typeface="+mn-lt"/>
              </a:endParaRPr>
            </a:p>
          </p:txBody>
        </p:sp>
      </p:grpSp>
      <p:sp>
        <p:nvSpPr>
          <p:cNvPr id="9" name="Rectangle 36"/>
          <p:cNvSpPr/>
          <p:nvPr/>
        </p:nvSpPr>
        <p:spPr>
          <a:xfrm>
            <a:off x="3479714" y="5601795"/>
            <a:ext cx="1993969" cy="199793"/>
          </a:xfrm>
          <a:prstGeom prst="rect">
            <a:avLst/>
          </a:prstGeom>
        </p:spPr>
        <p:txBody>
          <a:bodyPr wrap="none" lIns="95928" tIns="0" rIns="95928" bIns="0">
            <a:noAutofit/>
          </a:bodyPr>
          <a:lstStyle/>
          <a:p>
            <a:r>
              <a:rPr lang="en-US" altLang="zh-CN" sz="2400" b="1" dirty="0" err="1">
                <a:solidFill>
                  <a:srgbClr val="8A3E7E"/>
                </a:solidFill>
                <a:cs typeface="+mn-ea"/>
                <a:sym typeface="+mn-lt"/>
              </a:rPr>
              <a:t>Chuyển</a:t>
            </a:r>
            <a:r>
              <a:rPr lang="en-US" altLang="zh-CN" sz="2400" b="1" dirty="0">
                <a:solidFill>
                  <a:srgbClr val="8A3E7E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8A3E7E"/>
                </a:solidFill>
                <a:cs typeface="+mn-ea"/>
                <a:sym typeface="+mn-lt"/>
              </a:rPr>
              <a:t>bản</a:t>
            </a:r>
            <a:r>
              <a:rPr lang="en-US" altLang="zh-CN" sz="2400" b="1" dirty="0">
                <a:solidFill>
                  <a:srgbClr val="8A3E7E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8A3E7E"/>
                </a:solidFill>
                <a:cs typeface="+mn-ea"/>
                <a:sym typeface="+mn-lt"/>
              </a:rPr>
              <a:t>thiết</a:t>
            </a:r>
            <a:r>
              <a:rPr lang="en-US" altLang="zh-CN" sz="2400" b="1" dirty="0">
                <a:solidFill>
                  <a:srgbClr val="8A3E7E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8A3E7E"/>
                </a:solidFill>
                <a:cs typeface="+mn-ea"/>
                <a:sym typeface="+mn-lt"/>
              </a:rPr>
              <a:t>kế</a:t>
            </a:r>
            <a:r>
              <a:rPr lang="en-US" altLang="zh-CN" sz="2400" b="1" dirty="0">
                <a:solidFill>
                  <a:srgbClr val="8A3E7E"/>
                </a:solidFill>
                <a:cs typeface="+mn-ea"/>
                <a:sym typeface="+mn-lt"/>
              </a:rPr>
              <a:t> sang </a:t>
            </a:r>
            <a:r>
              <a:rPr lang="en-US" altLang="zh-CN" sz="2400" b="1" dirty="0" err="1">
                <a:solidFill>
                  <a:srgbClr val="8A3E7E"/>
                </a:solidFill>
                <a:cs typeface="+mn-ea"/>
                <a:sym typeface="+mn-lt"/>
              </a:rPr>
              <a:t>HTML5</a:t>
            </a:r>
            <a:endParaRPr lang="zh-CN" altLang="en-US" sz="2400" b="1" dirty="0">
              <a:solidFill>
                <a:srgbClr val="8A3E7E"/>
              </a:solidFill>
              <a:cs typeface="+mn-ea"/>
              <a:sym typeface="+mn-lt"/>
            </a:endParaRPr>
          </a:p>
        </p:txBody>
      </p:sp>
      <p:grpSp>
        <p:nvGrpSpPr>
          <p:cNvPr id="10" name="组合 28"/>
          <p:cNvGrpSpPr/>
          <p:nvPr/>
        </p:nvGrpSpPr>
        <p:grpSpPr>
          <a:xfrm>
            <a:off x="7040549" y="2519518"/>
            <a:ext cx="1506371" cy="1506371"/>
            <a:chOff x="3506384" y="2688205"/>
            <a:chExt cx="1129778" cy="1129778"/>
          </a:xfrm>
        </p:grpSpPr>
        <p:sp>
          <p:nvSpPr>
            <p:cNvPr id="11" name="Oval 22"/>
            <p:cNvSpPr/>
            <p:nvPr/>
          </p:nvSpPr>
          <p:spPr>
            <a:xfrm>
              <a:off x="3506384" y="2688205"/>
              <a:ext cx="1129778" cy="1129778"/>
            </a:xfrm>
            <a:prstGeom prst="ellipse">
              <a:avLst/>
            </a:prstGeom>
            <a:solidFill>
              <a:srgbClr val="F5C700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/>
              <a:endParaRPr sz="3200">
                <a:cs typeface="+mn-ea"/>
                <a:sym typeface="+mn-lt"/>
              </a:endParaRPr>
            </a:p>
          </p:txBody>
        </p:sp>
        <p:sp>
          <p:nvSpPr>
            <p:cNvPr id="13" name="person-explaining-strategy-on-a-board-with-a-sketch_38792"/>
            <p:cNvSpPr>
              <a:spLocks noChangeAspect="1"/>
            </p:cNvSpPr>
            <p:nvPr/>
          </p:nvSpPr>
          <p:spPr bwMode="auto">
            <a:xfrm>
              <a:off x="3766430" y="3004245"/>
              <a:ext cx="609685" cy="556261"/>
            </a:xfrm>
            <a:custGeom>
              <a:avLst/>
              <a:gdLst>
                <a:gd name="connsiteX0" fmla="*/ 104775 w 328613"/>
                <a:gd name="connsiteY0" fmla="*/ 169862 h 299818"/>
                <a:gd name="connsiteX1" fmla="*/ 328613 w 328613"/>
                <a:gd name="connsiteY1" fmla="*/ 169862 h 299818"/>
                <a:gd name="connsiteX2" fmla="*/ 328613 w 328613"/>
                <a:gd name="connsiteY2" fmla="*/ 182562 h 299818"/>
                <a:gd name="connsiteX3" fmla="*/ 104775 w 328613"/>
                <a:gd name="connsiteY3" fmla="*/ 182562 h 299818"/>
                <a:gd name="connsiteX4" fmla="*/ 0 w 328613"/>
                <a:gd name="connsiteY4" fmla="*/ 169862 h 299818"/>
                <a:gd name="connsiteX5" fmla="*/ 46038 w 328613"/>
                <a:gd name="connsiteY5" fmla="*/ 169862 h 299818"/>
                <a:gd name="connsiteX6" fmla="*/ 46038 w 328613"/>
                <a:gd name="connsiteY6" fmla="*/ 182562 h 299818"/>
                <a:gd name="connsiteX7" fmla="*/ 0 w 328613"/>
                <a:gd name="connsiteY7" fmla="*/ 182562 h 299818"/>
                <a:gd name="connsiteX8" fmla="*/ 154438 w 328613"/>
                <a:gd name="connsiteY8" fmla="*/ 103563 h 299818"/>
                <a:gd name="connsiteX9" fmla="*/ 156623 w 328613"/>
                <a:gd name="connsiteY9" fmla="*/ 123121 h 299818"/>
                <a:gd name="connsiteX10" fmla="*/ 98363 w 328613"/>
                <a:gd name="connsiteY10" fmla="*/ 137418 h 299818"/>
                <a:gd name="connsiteX11" fmla="*/ 98363 w 328613"/>
                <a:gd name="connsiteY11" fmla="*/ 189409 h 299818"/>
                <a:gd name="connsiteX12" fmla="*/ 97069 w 328613"/>
                <a:gd name="connsiteY12" fmla="*/ 193308 h 299818"/>
                <a:gd name="connsiteX13" fmla="*/ 110015 w 328613"/>
                <a:gd name="connsiteY13" fmla="*/ 273894 h 299818"/>
                <a:gd name="connsiteX14" fmla="*/ 89301 w 328613"/>
                <a:gd name="connsiteY14" fmla="*/ 273894 h 299818"/>
                <a:gd name="connsiteX15" fmla="*/ 78943 w 328613"/>
                <a:gd name="connsiteY15" fmla="*/ 206306 h 299818"/>
                <a:gd name="connsiteX16" fmla="*/ 60818 w 328613"/>
                <a:gd name="connsiteY16" fmla="*/ 294690 h 299818"/>
                <a:gd name="connsiteX17" fmla="*/ 41398 w 328613"/>
                <a:gd name="connsiteY17" fmla="*/ 284292 h 299818"/>
                <a:gd name="connsiteX18" fmla="*/ 56934 w 328613"/>
                <a:gd name="connsiteY18" fmla="*/ 201107 h 299818"/>
                <a:gd name="connsiteX19" fmla="*/ 51755 w 328613"/>
                <a:gd name="connsiteY19" fmla="*/ 189409 h 299818"/>
                <a:gd name="connsiteX20" fmla="*/ 51755 w 328613"/>
                <a:gd name="connsiteY20" fmla="*/ 124421 h 299818"/>
                <a:gd name="connsiteX21" fmla="*/ 69881 w 328613"/>
                <a:gd name="connsiteY21" fmla="*/ 107524 h 299818"/>
                <a:gd name="connsiteX22" fmla="*/ 80238 w 328613"/>
                <a:gd name="connsiteY22" fmla="*/ 107524 h 299818"/>
                <a:gd name="connsiteX23" fmla="*/ 95774 w 328613"/>
                <a:gd name="connsiteY23" fmla="*/ 116622 h 299818"/>
                <a:gd name="connsiteX24" fmla="*/ 146266 w 328613"/>
                <a:gd name="connsiteY24" fmla="*/ 103624 h 299818"/>
                <a:gd name="connsiteX25" fmla="*/ 154438 w 328613"/>
                <a:gd name="connsiteY25" fmla="*/ 103563 h 299818"/>
                <a:gd name="connsiteX26" fmla="*/ 258763 w 328613"/>
                <a:gd name="connsiteY26" fmla="*/ 98425 h 299818"/>
                <a:gd name="connsiteX27" fmla="*/ 273051 w 328613"/>
                <a:gd name="connsiteY27" fmla="*/ 112713 h 299818"/>
                <a:gd name="connsiteX28" fmla="*/ 285751 w 328613"/>
                <a:gd name="connsiteY28" fmla="*/ 98425 h 299818"/>
                <a:gd name="connsiteX29" fmla="*/ 290513 w 328613"/>
                <a:gd name="connsiteY29" fmla="*/ 104775 h 299818"/>
                <a:gd name="connsiteX30" fmla="*/ 277813 w 328613"/>
                <a:gd name="connsiteY30" fmla="*/ 117475 h 299818"/>
                <a:gd name="connsiteX31" fmla="*/ 290513 w 328613"/>
                <a:gd name="connsiteY31" fmla="*/ 130175 h 299818"/>
                <a:gd name="connsiteX32" fmla="*/ 285751 w 328613"/>
                <a:gd name="connsiteY32" fmla="*/ 133350 h 299818"/>
                <a:gd name="connsiteX33" fmla="*/ 273051 w 328613"/>
                <a:gd name="connsiteY33" fmla="*/ 120650 h 299818"/>
                <a:gd name="connsiteX34" fmla="*/ 258763 w 328613"/>
                <a:gd name="connsiteY34" fmla="*/ 133350 h 299818"/>
                <a:gd name="connsiteX35" fmla="*/ 255588 w 328613"/>
                <a:gd name="connsiteY35" fmla="*/ 130175 h 299818"/>
                <a:gd name="connsiteX36" fmla="*/ 268288 w 328613"/>
                <a:gd name="connsiteY36" fmla="*/ 117475 h 299818"/>
                <a:gd name="connsiteX37" fmla="*/ 255588 w 328613"/>
                <a:gd name="connsiteY37" fmla="*/ 104775 h 299818"/>
                <a:gd name="connsiteX38" fmla="*/ 75407 w 328613"/>
                <a:gd name="connsiteY38" fmla="*/ 53975 h 299818"/>
                <a:gd name="connsiteX39" fmla="*/ 98426 w 328613"/>
                <a:gd name="connsiteY39" fmla="*/ 76200 h 299818"/>
                <a:gd name="connsiteX40" fmla="*/ 75407 w 328613"/>
                <a:gd name="connsiteY40" fmla="*/ 98425 h 299818"/>
                <a:gd name="connsiteX41" fmla="*/ 52388 w 328613"/>
                <a:gd name="connsiteY41" fmla="*/ 76200 h 299818"/>
                <a:gd name="connsiteX42" fmla="*/ 75407 w 328613"/>
                <a:gd name="connsiteY42" fmla="*/ 53975 h 299818"/>
                <a:gd name="connsiteX43" fmla="*/ 132688 w 328613"/>
                <a:gd name="connsiteY43" fmla="*/ 31615 h 299818"/>
                <a:gd name="connsiteX44" fmla="*/ 190486 w 328613"/>
                <a:gd name="connsiteY44" fmla="*/ 71338 h 299818"/>
                <a:gd name="connsiteX45" fmla="*/ 246063 w 328613"/>
                <a:gd name="connsiteY45" fmla="*/ 112614 h 299818"/>
                <a:gd name="connsiteX46" fmla="*/ 244770 w 328613"/>
                <a:gd name="connsiteY46" fmla="*/ 119063 h 299818"/>
                <a:gd name="connsiteX47" fmla="*/ 185316 w 328613"/>
                <a:gd name="connsiteY47" fmla="*/ 75208 h 299818"/>
                <a:gd name="connsiteX48" fmla="*/ 102598 w 328613"/>
                <a:gd name="connsiteY48" fmla="*/ 46831 h 299818"/>
                <a:gd name="connsiteX49" fmla="*/ 100013 w 328613"/>
                <a:gd name="connsiteY49" fmla="*/ 41672 h 299818"/>
                <a:gd name="connsiteX50" fmla="*/ 132688 w 328613"/>
                <a:gd name="connsiteY50" fmla="*/ 31615 h 299818"/>
                <a:gd name="connsiteX51" fmla="*/ 0 w 328613"/>
                <a:gd name="connsiteY51" fmla="*/ 0 h 299818"/>
                <a:gd name="connsiteX52" fmla="*/ 328613 w 328613"/>
                <a:gd name="connsiteY52" fmla="*/ 0 h 299818"/>
                <a:gd name="connsiteX53" fmla="*/ 328613 w 328613"/>
                <a:gd name="connsiteY53" fmla="*/ 161925 h 299818"/>
                <a:gd name="connsiteX54" fmla="*/ 104775 w 328613"/>
                <a:gd name="connsiteY54" fmla="*/ 161925 h 299818"/>
                <a:gd name="connsiteX55" fmla="*/ 104775 w 328613"/>
                <a:gd name="connsiteY55" fmla="*/ 149225 h 299818"/>
                <a:gd name="connsiteX56" fmla="*/ 315913 w 328613"/>
                <a:gd name="connsiteY56" fmla="*/ 149225 h 299818"/>
                <a:gd name="connsiteX57" fmla="*/ 315913 w 328613"/>
                <a:gd name="connsiteY57" fmla="*/ 14287 h 299818"/>
                <a:gd name="connsiteX58" fmla="*/ 12700 w 328613"/>
                <a:gd name="connsiteY58" fmla="*/ 14287 h 299818"/>
                <a:gd name="connsiteX59" fmla="*/ 12700 w 328613"/>
                <a:gd name="connsiteY59" fmla="*/ 149225 h 299818"/>
                <a:gd name="connsiteX60" fmla="*/ 46037 w 328613"/>
                <a:gd name="connsiteY60" fmla="*/ 149225 h 299818"/>
                <a:gd name="connsiteX61" fmla="*/ 46037 w 328613"/>
                <a:gd name="connsiteY61" fmla="*/ 161925 h 299818"/>
                <a:gd name="connsiteX62" fmla="*/ 0 w 328613"/>
                <a:gd name="connsiteY62" fmla="*/ 161925 h 29981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  <a:cxn ang="0">
                  <a:pos x="connsiteX45" y="connsiteY45"/>
                </a:cxn>
                <a:cxn ang="0">
                  <a:pos x="connsiteX46" y="connsiteY46"/>
                </a:cxn>
                <a:cxn ang="0">
                  <a:pos x="connsiteX47" y="connsiteY47"/>
                </a:cxn>
                <a:cxn ang="0">
                  <a:pos x="connsiteX48" y="connsiteY48"/>
                </a:cxn>
                <a:cxn ang="0">
                  <a:pos x="connsiteX49" y="connsiteY49"/>
                </a:cxn>
                <a:cxn ang="0">
                  <a:pos x="connsiteX50" y="connsiteY50"/>
                </a:cxn>
                <a:cxn ang="0">
                  <a:pos x="connsiteX51" y="connsiteY51"/>
                </a:cxn>
                <a:cxn ang="0">
                  <a:pos x="connsiteX52" y="connsiteY52"/>
                </a:cxn>
                <a:cxn ang="0">
                  <a:pos x="connsiteX53" y="connsiteY53"/>
                </a:cxn>
                <a:cxn ang="0">
                  <a:pos x="connsiteX54" y="connsiteY54"/>
                </a:cxn>
                <a:cxn ang="0">
                  <a:pos x="connsiteX55" y="connsiteY55"/>
                </a:cxn>
                <a:cxn ang="0">
                  <a:pos x="connsiteX56" y="connsiteY56"/>
                </a:cxn>
                <a:cxn ang="0">
                  <a:pos x="connsiteX57" y="connsiteY57"/>
                </a:cxn>
                <a:cxn ang="0">
                  <a:pos x="connsiteX58" y="connsiteY58"/>
                </a:cxn>
                <a:cxn ang="0">
                  <a:pos x="connsiteX59" y="connsiteY59"/>
                </a:cxn>
                <a:cxn ang="0">
                  <a:pos x="connsiteX60" y="connsiteY60"/>
                </a:cxn>
                <a:cxn ang="0">
                  <a:pos x="connsiteX61" y="connsiteY61"/>
                </a:cxn>
                <a:cxn ang="0">
                  <a:pos x="connsiteX62" y="connsiteY62"/>
                </a:cxn>
              </a:cxnLst>
              <a:rect l="l" t="t" r="r" b="b"/>
              <a:pathLst>
                <a:path w="328613" h="299818">
                  <a:moveTo>
                    <a:pt x="104775" y="169862"/>
                  </a:moveTo>
                  <a:lnTo>
                    <a:pt x="328613" y="169862"/>
                  </a:lnTo>
                  <a:lnTo>
                    <a:pt x="328613" y="182562"/>
                  </a:lnTo>
                  <a:lnTo>
                    <a:pt x="104775" y="182562"/>
                  </a:lnTo>
                  <a:close/>
                  <a:moveTo>
                    <a:pt x="0" y="169862"/>
                  </a:moveTo>
                  <a:lnTo>
                    <a:pt x="46038" y="169862"/>
                  </a:lnTo>
                  <a:lnTo>
                    <a:pt x="46038" y="182562"/>
                  </a:lnTo>
                  <a:lnTo>
                    <a:pt x="0" y="182562"/>
                  </a:lnTo>
                  <a:close/>
                  <a:moveTo>
                    <a:pt x="154438" y="103563"/>
                  </a:moveTo>
                  <a:cubicBezTo>
                    <a:pt x="161721" y="106793"/>
                    <a:pt x="165362" y="118247"/>
                    <a:pt x="156623" y="123121"/>
                  </a:cubicBezTo>
                  <a:cubicBezTo>
                    <a:pt x="138498" y="132219"/>
                    <a:pt x="117783" y="137418"/>
                    <a:pt x="98363" y="137418"/>
                  </a:cubicBezTo>
                  <a:cubicBezTo>
                    <a:pt x="98363" y="137418"/>
                    <a:pt x="98363" y="137418"/>
                    <a:pt x="98363" y="189409"/>
                  </a:cubicBezTo>
                  <a:cubicBezTo>
                    <a:pt x="98363" y="190709"/>
                    <a:pt x="97069" y="192009"/>
                    <a:pt x="97069" y="193308"/>
                  </a:cubicBezTo>
                  <a:cubicBezTo>
                    <a:pt x="106131" y="219304"/>
                    <a:pt x="110015" y="246599"/>
                    <a:pt x="110015" y="273894"/>
                  </a:cubicBezTo>
                  <a:cubicBezTo>
                    <a:pt x="110015" y="286892"/>
                    <a:pt x="89301" y="286892"/>
                    <a:pt x="89301" y="273894"/>
                  </a:cubicBezTo>
                  <a:cubicBezTo>
                    <a:pt x="89301" y="250498"/>
                    <a:pt x="85417" y="228402"/>
                    <a:pt x="78943" y="206306"/>
                  </a:cubicBezTo>
                  <a:cubicBezTo>
                    <a:pt x="80238" y="237500"/>
                    <a:pt x="77649" y="268695"/>
                    <a:pt x="60818" y="294690"/>
                  </a:cubicBezTo>
                  <a:cubicBezTo>
                    <a:pt x="53050" y="306388"/>
                    <a:pt x="34925" y="295990"/>
                    <a:pt x="41398" y="284292"/>
                  </a:cubicBezTo>
                  <a:cubicBezTo>
                    <a:pt x="58229" y="258297"/>
                    <a:pt x="59523" y="229702"/>
                    <a:pt x="56934" y="201107"/>
                  </a:cubicBezTo>
                  <a:cubicBezTo>
                    <a:pt x="54345" y="198507"/>
                    <a:pt x="51755" y="193308"/>
                    <a:pt x="51755" y="189409"/>
                  </a:cubicBezTo>
                  <a:cubicBezTo>
                    <a:pt x="51755" y="189409"/>
                    <a:pt x="51755" y="189409"/>
                    <a:pt x="51755" y="124421"/>
                  </a:cubicBezTo>
                  <a:cubicBezTo>
                    <a:pt x="51755" y="115322"/>
                    <a:pt x="59523" y="107524"/>
                    <a:pt x="69881" y="107524"/>
                  </a:cubicBezTo>
                  <a:cubicBezTo>
                    <a:pt x="69881" y="107524"/>
                    <a:pt x="69881" y="107524"/>
                    <a:pt x="80238" y="107524"/>
                  </a:cubicBezTo>
                  <a:cubicBezTo>
                    <a:pt x="86711" y="107524"/>
                    <a:pt x="93185" y="111423"/>
                    <a:pt x="95774" y="116622"/>
                  </a:cubicBezTo>
                  <a:cubicBezTo>
                    <a:pt x="112604" y="116622"/>
                    <a:pt x="129435" y="112723"/>
                    <a:pt x="146266" y="103624"/>
                  </a:cubicBezTo>
                  <a:cubicBezTo>
                    <a:pt x="149179" y="102325"/>
                    <a:pt x="152011" y="102487"/>
                    <a:pt x="154438" y="103563"/>
                  </a:cubicBezTo>
                  <a:close/>
                  <a:moveTo>
                    <a:pt x="258763" y="98425"/>
                  </a:moveTo>
                  <a:lnTo>
                    <a:pt x="273051" y="112713"/>
                  </a:lnTo>
                  <a:lnTo>
                    <a:pt x="285751" y="98425"/>
                  </a:lnTo>
                  <a:lnTo>
                    <a:pt x="290513" y="104775"/>
                  </a:lnTo>
                  <a:lnTo>
                    <a:pt x="277813" y="117475"/>
                  </a:lnTo>
                  <a:lnTo>
                    <a:pt x="290513" y="130175"/>
                  </a:lnTo>
                  <a:lnTo>
                    <a:pt x="285751" y="133350"/>
                  </a:lnTo>
                  <a:lnTo>
                    <a:pt x="273051" y="120650"/>
                  </a:lnTo>
                  <a:lnTo>
                    <a:pt x="258763" y="133350"/>
                  </a:lnTo>
                  <a:lnTo>
                    <a:pt x="255588" y="130175"/>
                  </a:lnTo>
                  <a:lnTo>
                    <a:pt x="268288" y="117475"/>
                  </a:lnTo>
                  <a:lnTo>
                    <a:pt x="255588" y="104775"/>
                  </a:lnTo>
                  <a:close/>
                  <a:moveTo>
                    <a:pt x="75407" y="53975"/>
                  </a:moveTo>
                  <a:cubicBezTo>
                    <a:pt x="88120" y="53975"/>
                    <a:pt x="98426" y="63925"/>
                    <a:pt x="98426" y="76200"/>
                  </a:cubicBezTo>
                  <a:cubicBezTo>
                    <a:pt x="98426" y="88475"/>
                    <a:pt x="88120" y="98425"/>
                    <a:pt x="75407" y="98425"/>
                  </a:cubicBezTo>
                  <a:cubicBezTo>
                    <a:pt x="62694" y="98425"/>
                    <a:pt x="52388" y="88475"/>
                    <a:pt x="52388" y="76200"/>
                  </a:cubicBezTo>
                  <a:cubicBezTo>
                    <a:pt x="52388" y="63925"/>
                    <a:pt x="62694" y="53975"/>
                    <a:pt x="75407" y="53975"/>
                  </a:cubicBezTo>
                  <a:close/>
                  <a:moveTo>
                    <a:pt x="132688" y="31615"/>
                  </a:moveTo>
                  <a:cubicBezTo>
                    <a:pt x="160679" y="29982"/>
                    <a:pt x="175946" y="51023"/>
                    <a:pt x="190486" y="71338"/>
                  </a:cubicBezTo>
                  <a:cubicBezTo>
                    <a:pt x="204704" y="90686"/>
                    <a:pt x="220213" y="110034"/>
                    <a:pt x="246063" y="112614"/>
                  </a:cubicBezTo>
                  <a:cubicBezTo>
                    <a:pt x="246063" y="112614"/>
                    <a:pt x="246063" y="112614"/>
                    <a:pt x="244770" y="119063"/>
                  </a:cubicBezTo>
                  <a:cubicBezTo>
                    <a:pt x="216336" y="116484"/>
                    <a:pt x="200826" y="95845"/>
                    <a:pt x="185316" y="75208"/>
                  </a:cubicBezTo>
                  <a:cubicBezTo>
                    <a:pt x="165929" y="48121"/>
                    <a:pt x="147835" y="24904"/>
                    <a:pt x="102598" y="46831"/>
                  </a:cubicBezTo>
                  <a:cubicBezTo>
                    <a:pt x="102598" y="46831"/>
                    <a:pt x="102598" y="46831"/>
                    <a:pt x="100013" y="41672"/>
                  </a:cubicBezTo>
                  <a:cubicBezTo>
                    <a:pt x="112615" y="35223"/>
                    <a:pt x="123358" y="32159"/>
                    <a:pt x="132688" y="31615"/>
                  </a:cubicBezTo>
                  <a:close/>
                  <a:moveTo>
                    <a:pt x="0" y="0"/>
                  </a:moveTo>
                  <a:lnTo>
                    <a:pt x="328613" y="0"/>
                  </a:lnTo>
                  <a:lnTo>
                    <a:pt x="328613" y="161925"/>
                  </a:lnTo>
                  <a:lnTo>
                    <a:pt x="104775" y="161925"/>
                  </a:lnTo>
                  <a:lnTo>
                    <a:pt x="104775" y="149225"/>
                  </a:lnTo>
                  <a:lnTo>
                    <a:pt x="315913" y="149225"/>
                  </a:lnTo>
                  <a:lnTo>
                    <a:pt x="315913" y="14287"/>
                  </a:lnTo>
                  <a:lnTo>
                    <a:pt x="12700" y="14287"/>
                  </a:lnTo>
                  <a:lnTo>
                    <a:pt x="12700" y="149225"/>
                  </a:lnTo>
                  <a:lnTo>
                    <a:pt x="46037" y="149225"/>
                  </a:lnTo>
                  <a:lnTo>
                    <a:pt x="46037" y="161925"/>
                  </a:lnTo>
                  <a:lnTo>
                    <a:pt x="0" y="161925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txBody>
            <a:bodyPr/>
            <a:lstStyle/>
            <a:p>
              <a:endParaRPr lang="zh-CN" altLang="en-US">
                <a:cs typeface="+mn-ea"/>
                <a:sym typeface="+mn-lt"/>
              </a:endParaRPr>
            </a:p>
          </p:txBody>
        </p:sp>
      </p:grpSp>
      <p:sp>
        <p:nvSpPr>
          <p:cNvPr id="14" name="Rectangle 36"/>
          <p:cNvSpPr/>
          <p:nvPr/>
        </p:nvSpPr>
        <p:spPr>
          <a:xfrm>
            <a:off x="7879358" y="4469509"/>
            <a:ext cx="1993969" cy="199793"/>
          </a:xfrm>
          <a:prstGeom prst="rect">
            <a:avLst/>
          </a:prstGeom>
        </p:spPr>
        <p:txBody>
          <a:bodyPr wrap="none" lIns="95928" tIns="0" rIns="95928" bIns="0">
            <a:noAutofit/>
          </a:bodyPr>
          <a:lstStyle/>
          <a:p>
            <a:r>
              <a:rPr lang="en-US" altLang="zh-CN" sz="2400" b="1" dirty="0" err="1">
                <a:solidFill>
                  <a:srgbClr val="2106C2"/>
                </a:solidFill>
                <a:cs typeface="+mn-ea"/>
                <a:sym typeface="+mn-lt"/>
              </a:rPr>
              <a:t>Đóng</a:t>
            </a:r>
            <a:r>
              <a:rPr lang="en-US" altLang="zh-CN" sz="2400" b="1" dirty="0">
                <a:solidFill>
                  <a:srgbClr val="2106C2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2106C2"/>
                </a:solidFill>
                <a:cs typeface="+mn-ea"/>
                <a:sym typeface="+mn-lt"/>
              </a:rPr>
              <a:t>gói</a:t>
            </a:r>
            <a:r>
              <a:rPr lang="en-US" altLang="zh-CN" sz="2400" b="1" dirty="0">
                <a:solidFill>
                  <a:srgbClr val="2106C2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2106C2"/>
                </a:solidFill>
                <a:cs typeface="+mn-ea"/>
                <a:sym typeface="+mn-lt"/>
              </a:rPr>
              <a:t>sản</a:t>
            </a:r>
            <a:r>
              <a:rPr lang="en-US" altLang="zh-CN" sz="2400" b="1" dirty="0">
                <a:solidFill>
                  <a:srgbClr val="2106C2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2106C2"/>
                </a:solidFill>
                <a:cs typeface="+mn-ea"/>
                <a:sym typeface="+mn-lt"/>
              </a:rPr>
              <a:t>phẩm</a:t>
            </a:r>
            <a:endParaRPr lang="zh-CN" altLang="en-US" sz="2400" b="1" dirty="0">
              <a:solidFill>
                <a:srgbClr val="2106C2"/>
              </a:solidFill>
              <a:cs typeface="+mn-ea"/>
              <a:sym typeface="+mn-lt"/>
            </a:endParaRPr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8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4" dur="2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7" dur="2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0" dur="2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41" dur="2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6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5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5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6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6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5" grpId="0"/>
      <p:bldP spid="18" grpId="0"/>
      <p:bldP spid="21" grpId="0"/>
      <p:bldP spid="32" grpId="0" animBg="1"/>
      <p:bldP spid="9" grpId="0"/>
      <p:bldP spid="14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">
            <a:lum/>
          </a:blip>
          <a:srcRect/>
          <a:stretch>
            <a:fillRect t="-16000" b="-16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3942" y="0"/>
            <a:ext cx="10056742" cy="1320800"/>
          </a:xfrm>
        </p:spPr>
        <p:txBody>
          <a:bodyPr>
            <a:normAutofit/>
          </a:bodyPr>
          <a:lstStyle/>
          <a:p>
            <a:pPr algn="ctr"/>
            <a:r>
              <a:rPr lang="en-SG" sz="40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UYÊN</a:t>
            </a:r>
            <a:r>
              <a:rPr lang="en-SG" sz="40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SG" sz="40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ẮC</a:t>
            </a:r>
            <a:r>
              <a:rPr lang="en-SG" sz="40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SG" sz="40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OẠT</a:t>
            </a:r>
            <a:r>
              <a:rPr lang="en-SG" sz="40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SG" sz="40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r>
              <a:rPr lang="en-SG" sz="40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SG" sz="40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ẬN</a:t>
            </a:r>
            <a:r>
              <a:rPr lang="en-SG" sz="40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SG" sz="40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SG" sz="40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SG" sz="40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ỦA</a:t>
            </a:r>
            <a:r>
              <a:rPr lang="en-SG" sz="40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SG" sz="40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Ô</a:t>
            </a:r>
            <a:r>
              <a:rPr lang="en-SG" sz="40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SG" sz="40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ÌNH</a:t>
            </a:r>
            <a:r>
              <a:rPr lang="en-SG" sz="40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/ </a:t>
            </a:r>
            <a:r>
              <a:rPr lang="en-SG" sz="40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ẢN</a:t>
            </a:r>
            <a:r>
              <a:rPr lang="en-SG" sz="40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SG" sz="40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ẨM</a:t>
            </a:r>
            <a:endParaRPr lang="en-SG" sz="4000" b="1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7" name="Picture 6">
            <a:hlinkClick r:id="rId2" action="ppaction://hlinksldjump"/>
          </p:cNvPr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93132" y="0"/>
            <a:ext cx="1598877" cy="1009171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17523" y="1515265"/>
            <a:ext cx="2606266" cy="579170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304800" y="1612490"/>
            <a:ext cx="10127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 err="1"/>
              <a:t>Tải</a:t>
            </a:r>
            <a:r>
              <a:rPr lang="en-US" sz="2400" dirty="0"/>
              <a:t> </a:t>
            </a:r>
            <a:r>
              <a:rPr lang="en-US" sz="2400" dirty="0" err="1"/>
              <a:t>tệp</a:t>
            </a:r>
            <a:r>
              <a:rPr lang="en-US" sz="2400" dirty="0"/>
              <a:t> </a:t>
            </a:r>
            <a:endParaRPr lang="en-US" sz="2400" dirty="0"/>
          </a:p>
        </p:txBody>
      </p:sp>
      <p:sp>
        <p:nvSpPr>
          <p:cNvPr id="6" name="TextBox 5"/>
          <p:cNvSpPr txBox="1"/>
          <p:nvPr/>
        </p:nvSpPr>
        <p:spPr>
          <a:xfrm>
            <a:off x="4326193" y="1612490"/>
            <a:ext cx="762983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 err="1"/>
              <a:t>Về</a:t>
            </a:r>
            <a:r>
              <a:rPr lang="en-US" sz="2400" dirty="0"/>
              <a:t> </a:t>
            </a:r>
            <a:r>
              <a:rPr lang="en-US" sz="2400" dirty="0" err="1"/>
              <a:t>điện</a:t>
            </a:r>
            <a:r>
              <a:rPr lang="en-US" sz="2400" dirty="0"/>
              <a:t> </a:t>
            </a:r>
            <a:r>
              <a:rPr lang="en-US" sz="2400" dirty="0" err="1"/>
              <a:t>thoại</a:t>
            </a:r>
            <a:r>
              <a:rPr lang="en-US" sz="2400" dirty="0"/>
              <a:t> </a:t>
            </a:r>
            <a:r>
              <a:rPr lang="en-US" sz="2400" dirty="0" err="1"/>
              <a:t>hoặc</a:t>
            </a:r>
            <a:r>
              <a:rPr lang="en-US" sz="2400" dirty="0"/>
              <a:t> </a:t>
            </a:r>
            <a:r>
              <a:rPr lang="en-US" sz="2400" dirty="0" err="1"/>
              <a:t>máy</a:t>
            </a:r>
            <a:r>
              <a:rPr lang="en-US" sz="2400" dirty="0"/>
              <a:t> </a:t>
            </a:r>
            <a:r>
              <a:rPr lang="en-US" sz="2400" dirty="0" err="1"/>
              <a:t>tính</a:t>
            </a:r>
            <a:r>
              <a:rPr lang="en-US" sz="2400" dirty="0"/>
              <a:t> </a:t>
            </a:r>
            <a:r>
              <a:rPr lang="en-US" sz="2400" dirty="0" err="1"/>
              <a:t>bảng</a:t>
            </a:r>
            <a:r>
              <a:rPr lang="en-US" sz="2400" dirty="0"/>
              <a:t> (</a:t>
            </a:r>
            <a:r>
              <a:rPr lang="en-US" sz="2400" dirty="0" err="1"/>
              <a:t>sử</a:t>
            </a:r>
            <a:r>
              <a:rPr lang="en-US" sz="2400" dirty="0"/>
              <a:t> </a:t>
            </a:r>
            <a:r>
              <a:rPr lang="en-US" sz="2400" dirty="0" err="1"/>
              <a:t>dụng</a:t>
            </a:r>
            <a:r>
              <a:rPr lang="en-US" sz="2400" dirty="0"/>
              <a:t> </a:t>
            </a:r>
            <a:r>
              <a:rPr lang="en-US" sz="2400" dirty="0" err="1"/>
              <a:t>HĐH</a:t>
            </a:r>
            <a:r>
              <a:rPr lang="en-US" sz="2400" dirty="0"/>
              <a:t> </a:t>
            </a:r>
            <a:r>
              <a:rPr lang="en-US" sz="2400" b="1" dirty="0">
                <a:solidFill>
                  <a:srgbClr val="2106C2"/>
                </a:solidFill>
              </a:rPr>
              <a:t>Android</a:t>
            </a:r>
            <a:r>
              <a:rPr lang="en-US" sz="2400" dirty="0"/>
              <a:t>) </a:t>
            </a:r>
            <a:endParaRPr lang="en-US" sz="2400" dirty="0"/>
          </a:p>
        </p:txBody>
      </p:sp>
      <p:pic>
        <p:nvPicPr>
          <p:cNvPr id="8" name="Picture 31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 bwMode="auto">
          <a:xfrm rot="5400000">
            <a:off x="2440681" y="2389395"/>
            <a:ext cx="838200" cy="1905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" name="Picture 31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 bwMode="auto">
          <a:xfrm rot="5400000">
            <a:off x="4264565" y="2389396"/>
            <a:ext cx="838200" cy="1905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" name="Picture 31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 bwMode="auto">
          <a:xfrm rot="5400000">
            <a:off x="6169565" y="2476500"/>
            <a:ext cx="838200" cy="1905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83458" y="4257368"/>
            <a:ext cx="11572568" cy="114307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lnSpc>
                <a:spcPct val="150000"/>
              </a:lnSpc>
            </a:pPr>
            <a:r>
              <a:rPr lang="en-US" sz="2400" dirty="0" err="1"/>
              <a:t>Truy</a:t>
            </a:r>
            <a:r>
              <a:rPr lang="en-US" sz="2400" dirty="0"/>
              <a:t> </a:t>
            </a:r>
            <a:r>
              <a:rPr lang="en-US" sz="2400" dirty="0" err="1"/>
              <a:t>cập</a:t>
            </a:r>
            <a:r>
              <a:rPr lang="en-US" sz="2400" dirty="0"/>
              <a:t> </a:t>
            </a:r>
            <a:r>
              <a:rPr lang="en-US" sz="2400" dirty="0" err="1"/>
              <a:t>địa</a:t>
            </a:r>
            <a:r>
              <a:rPr lang="en-US" sz="2400" dirty="0"/>
              <a:t> </a:t>
            </a:r>
            <a:r>
              <a:rPr lang="en-US" sz="2400" dirty="0" err="1"/>
              <a:t>chỉ</a:t>
            </a:r>
            <a:r>
              <a:rPr lang="en-US" sz="2400" dirty="0"/>
              <a:t>: </a:t>
            </a:r>
            <a:r>
              <a:rPr lang="en-US" sz="24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6"/>
              </a:rPr>
              <a:t>https://</a:t>
            </a:r>
            <a:r>
              <a:rPr lang="en-US" sz="24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6"/>
              </a:rPr>
              <a:t>bangtuanhoanlequydon.netlify.app</a:t>
            </a:r>
            <a:r>
              <a:rPr lang="en-US" sz="24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6"/>
              </a:rPr>
              <a:t>/</a:t>
            </a:r>
            <a:r>
              <a:rPr lang="en-US" sz="2400" dirty="0"/>
              <a:t>   </a:t>
            </a:r>
            <a:r>
              <a:rPr lang="en-US" sz="2400" dirty="0" err="1"/>
              <a:t>để</a:t>
            </a:r>
            <a:r>
              <a:rPr lang="en-US" sz="2400" dirty="0"/>
              <a:t> </a:t>
            </a:r>
            <a:r>
              <a:rPr lang="en-US" sz="2400" dirty="0" err="1"/>
              <a:t>sử</a:t>
            </a:r>
            <a:r>
              <a:rPr lang="en-US" sz="2400" dirty="0"/>
              <a:t> </a:t>
            </a:r>
            <a:r>
              <a:rPr lang="en-US" sz="2400" dirty="0" err="1"/>
              <a:t>dụng</a:t>
            </a:r>
            <a:r>
              <a:rPr lang="en-US" sz="2400" dirty="0"/>
              <a:t> </a:t>
            </a:r>
            <a:r>
              <a:rPr lang="en-US" sz="2400" dirty="0" err="1"/>
              <a:t>trên</a:t>
            </a:r>
            <a:r>
              <a:rPr lang="en-US" sz="2400" dirty="0"/>
              <a:t> </a:t>
            </a:r>
            <a:r>
              <a:rPr lang="en-US" sz="2400" dirty="0" err="1"/>
              <a:t>trình</a:t>
            </a:r>
            <a:r>
              <a:rPr lang="en-US" sz="2400" dirty="0"/>
              <a:t> </a:t>
            </a:r>
            <a:r>
              <a:rPr lang="en-US" sz="2400" dirty="0" err="1"/>
              <a:t>duyệt</a:t>
            </a:r>
            <a:br>
              <a:rPr lang="en-US" sz="2400" dirty="0"/>
            </a:br>
            <a:r>
              <a:rPr lang="en-US" sz="2400" dirty="0"/>
              <a:t> web (</a:t>
            </a:r>
            <a:r>
              <a:rPr lang="en-US" sz="2400" dirty="0" err="1"/>
              <a:t>dành</a:t>
            </a:r>
            <a:r>
              <a:rPr lang="en-US" sz="2400" dirty="0"/>
              <a:t> </a:t>
            </a:r>
            <a:r>
              <a:rPr lang="en-US" sz="2400" dirty="0" err="1"/>
              <a:t>cho</a:t>
            </a:r>
            <a:r>
              <a:rPr lang="en-US" sz="2400" dirty="0"/>
              <a:t> </a:t>
            </a:r>
            <a:r>
              <a:rPr lang="en-US" sz="2400" dirty="0" err="1"/>
              <a:t>máy</a:t>
            </a:r>
            <a:r>
              <a:rPr lang="en-US" sz="2400" dirty="0"/>
              <a:t> </a:t>
            </a:r>
            <a:r>
              <a:rPr lang="en-US" sz="2400" dirty="0" err="1"/>
              <a:t>tính</a:t>
            </a:r>
            <a:r>
              <a:rPr lang="en-US" sz="2400" dirty="0"/>
              <a:t> </a:t>
            </a:r>
            <a:r>
              <a:rPr lang="en-US" sz="2400" dirty="0" err="1"/>
              <a:t>và</a:t>
            </a:r>
            <a:r>
              <a:rPr lang="en-US" sz="2400" dirty="0"/>
              <a:t> </a:t>
            </a:r>
            <a:r>
              <a:rPr lang="en-US" sz="2400" dirty="0" err="1"/>
              <a:t>HĐH</a:t>
            </a:r>
            <a:r>
              <a:rPr lang="en-US" sz="2400" dirty="0"/>
              <a:t> </a:t>
            </a:r>
            <a:r>
              <a:rPr lang="en-US" sz="2400" b="1" dirty="0">
                <a:solidFill>
                  <a:srgbClr val="2106C2"/>
                </a:solidFill>
              </a:rPr>
              <a:t>IOS</a:t>
            </a:r>
            <a:r>
              <a:rPr lang="en-US" sz="2400" dirty="0"/>
              <a:t>)</a:t>
            </a:r>
            <a:endParaRPr lang="en-US" sz="2400" dirty="0"/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600">
        <p:blinds dir="vert"/>
      </p:transition>
    </mc:Choice>
    <mc:Fallback>
      <p:transition spd="slow">
        <p:blinds dir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ntr" presetSubtype="2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4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6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1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6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38" dur="2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6" grpId="0"/>
      <p:bldP spid="11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Rectangle 26"/>
          <p:cNvSpPr/>
          <p:nvPr/>
        </p:nvSpPr>
        <p:spPr>
          <a:xfrm>
            <a:off x="1055036" y="8097"/>
            <a:ext cx="10765536" cy="461663"/>
          </a:xfrm>
          <a:prstGeom prst="rect">
            <a:avLst/>
          </a:prstGeom>
        </p:spPr>
        <p:txBody>
          <a:bodyPr wrap="square" lIns="91438" tIns="45719" rIns="91438" bIns="45719">
            <a:spAutoFit/>
          </a:bodyPr>
          <a:lstStyle/>
          <a:p>
            <a:r>
              <a:rPr lang="en-US" sz="2400" b="1" dirty="0" err="1">
                <a:solidFill>
                  <a:srgbClr val="C00000"/>
                </a:solidFill>
              </a:rPr>
              <a:t>MỘT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SỐ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HÌ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Ả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PHẦN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MỀM</a:t>
            </a:r>
            <a:endParaRPr lang="en-US" sz="2400" dirty="0">
              <a:solidFill>
                <a:srgbClr val="C00000"/>
              </a:solidFill>
            </a:endParaRPr>
          </a:p>
        </p:txBody>
      </p:sp>
      <p:pic>
        <p:nvPicPr>
          <p:cNvPr id="39" name="Picture 2" descr="Mạng có dây và không dây - Loại nào dùng tốt hơn?"/>
          <p:cNvPicPr>
            <a:picLocks noChangeAspect="1" noChangeArrowheads="1"/>
          </p:cNvPicPr>
          <p:nvPr/>
        </p:nvPicPr>
        <p:blipFill>
          <a:blip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75265" y="4893789"/>
            <a:ext cx="1060703" cy="9668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0" name="Picture 28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8000" y="481805"/>
            <a:ext cx="6096000" cy="636809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Rectangle 26"/>
          <p:cNvSpPr/>
          <p:nvPr/>
        </p:nvSpPr>
        <p:spPr>
          <a:xfrm>
            <a:off x="1055036" y="8097"/>
            <a:ext cx="10765536" cy="461663"/>
          </a:xfrm>
          <a:prstGeom prst="rect">
            <a:avLst/>
          </a:prstGeom>
        </p:spPr>
        <p:txBody>
          <a:bodyPr wrap="square" lIns="91438" tIns="45719" rIns="91438" bIns="45719">
            <a:spAutoFit/>
          </a:bodyPr>
          <a:lstStyle/>
          <a:p>
            <a:r>
              <a:rPr lang="en-US" sz="2400" b="1" dirty="0" err="1">
                <a:solidFill>
                  <a:srgbClr val="C00000"/>
                </a:solidFill>
              </a:rPr>
              <a:t>MỘT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SỐ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HÌ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Ả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PHẦN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MỀM</a:t>
            </a:r>
            <a:endParaRPr lang="en-US" sz="2400" dirty="0">
              <a:solidFill>
                <a:srgbClr val="C00000"/>
              </a:solidFill>
            </a:endParaRPr>
          </a:p>
        </p:txBody>
      </p:sp>
      <p:pic>
        <p:nvPicPr>
          <p:cNvPr id="39" name="Picture 2" descr="Mạng có dây và không dây - Loại nào dùng tốt hơn?"/>
          <p:cNvPicPr>
            <a:picLocks noChangeAspect="1" noChangeArrowheads="1"/>
          </p:cNvPicPr>
          <p:nvPr/>
        </p:nvPicPr>
        <p:blipFill>
          <a:blip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75265" y="4893789"/>
            <a:ext cx="1060703" cy="9668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4" name="Picture 29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4031" y="469760"/>
            <a:ext cx="5969340" cy="672320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Rectangle 26"/>
          <p:cNvSpPr/>
          <p:nvPr/>
        </p:nvSpPr>
        <p:spPr>
          <a:xfrm>
            <a:off x="1055036" y="8097"/>
            <a:ext cx="10765536" cy="461663"/>
          </a:xfrm>
          <a:prstGeom prst="rect">
            <a:avLst/>
          </a:prstGeom>
        </p:spPr>
        <p:txBody>
          <a:bodyPr wrap="square" lIns="91438" tIns="45719" rIns="91438" bIns="45719">
            <a:spAutoFit/>
          </a:bodyPr>
          <a:lstStyle/>
          <a:p>
            <a:r>
              <a:rPr lang="en-US" sz="2400" b="1" dirty="0" err="1">
                <a:solidFill>
                  <a:srgbClr val="C00000"/>
                </a:solidFill>
              </a:rPr>
              <a:t>MỘT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SỐ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HÌ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Ả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PHẦN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MỀM</a:t>
            </a:r>
            <a:endParaRPr lang="en-US" sz="2400" dirty="0">
              <a:solidFill>
                <a:srgbClr val="C00000"/>
              </a:solidFill>
            </a:endParaRPr>
          </a:p>
        </p:txBody>
      </p:sp>
      <p:pic>
        <p:nvPicPr>
          <p:cNvPr id="39" name="Picture 2" descr="Mạng có dây và không dây - Loại nào dùng tốt hơn?"/>
          <p:cNvPicPr>
            <a:picLocks noChangeAspect="1" noChangeArrowheads="1"/>
          </p:cNvPicPr>
          <p:nvPr/>
        </p:nvPicPr>
        <p:blipFill>
          <a:blip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75265" y="4893789"/>
            <a:ext cx="1060703" cy="9668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098" name="Picture 30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854202" y="389373"/>
            <a:ext cx="6103938" cy="679622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Rectangle 26"/>
          <p:cNvSpPr/>
          <p:nvPr/>
        </p:nvSpPr>
        <p:spPr>
          <a:xfrm>
            <a:off x="1055036" y="8097"/>
            <a:ext cx="10765536" cy="461663"/>
          </a:xfrm>
          <a:prstGeom prst="rect">
            <a:avLst/>
          </a:prstGeom>
        </p:spPr>
        <p:txBody>
          <a:bodyPr wrap="square" lIns="91438" tIns="45719" rIns="91438" bIns="45719">
            <a:spAutoFit/>
          </a:bodyPr>
          <a:lstStyle/>
          <a:p>
            <a:r>
              <a:rPr lang="en-US" sz="2400" b="1" dirty="0" err="1">
                <a:solidFill>
                  <a:srgbClr val="C00000"/>
                </a:solidFill>
              </a:rPr>
              <a:t>MỘT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SỐ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HÌ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Ả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PHẦN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MỀM</a:t>
            </a:r>
            <a:endParaRPr lang="en-US" sz="2400" dirty="0">
              <a:solidFill>
                <a:srgbClr val="C00000"/>
              </a:solidFill>
            </a:endParaRPr>
          </a:p>
        </p:txBody>
      </p:sp>
      <p:pic>
        <p:nvPicPr>
          <p:cNvPr id="39" name="Picture 2" descr="Mạng có dây và không dây - Loại nào dùng tốt hơn?"/>
          <p:cNvPicPr>
            <a:picLocks noChangeAspect="1" noChangeArrowheads="1"/>
          </p:cNvPicPr>
          <p:nvPr/>
        </p:nvPicPr>
        <p:blipFill>
          <a:blip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75265" y="4893789"/>
            <a:ext cx="1060703" cy="9668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122" name="Picture 31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87249" y="389934"/>
            <a:ext cx="6103938" cy="761507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Rectangle 26"/>
          <p:cNvSpPr/>
          <p:nvPr/>
        </p:nvSpPr>
        <p:spPr>
          <a:xfrm>
            <a:off x="1055036" y="8097"/>
            <a:ext cx="10765536" cy="461663"/>
          </a:xfrm>
          <a:prstGeom prst="rect">
            <a:avLst/>
          </a:prstGeom>
        </p:spPr>
        <p:txBody>
          <a:bodyPr wrap="square" lIns="91438" tIns="45719" rIns="91438" bIns="45719">
            <a:spAutoFit/>
          </a:bodyPr>
          <a:lstStyle/>
          <a:p>
            <a:r>
              <a:rPr lang="en-US" sz="2400" b="1" dirty="0" err="1">
                <a:solidFill>
                  <a:srgbClr val="C00000"/>
                </a:solidFill>
              </a:rPr>
              <a:t>MỘT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SỐ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HÌ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Ả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PHẦN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MỀM</a:t>
            </a:r>
            <a:endParaRPr lang="en-US" sz="2400" dirty="0">
              <a:solidFill>
                <a:srgbClr val="C00000"/>
              </a:solidFill>
            </a:endParaRPr>
          </a:p>
        </p:txBody>
      </p:sp>
      <p:pic>
        <p:nvPicPr>
          <p:cNvPr id="39" name="Picture 2" descr="Mạng có dây và không dây - Loại nào dùng tốt hơn?"/>
          <p:cNvPicPr>
            <a:picLocks noChangeAspect="1" noChangeArrowheads="1"/>
          </p:cNvPicPr>
          <p:nvPr/>
        </p:nvPicPr>
        <p:blipFill>
          <a:blip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75265" y="4893789"/>
            <a:ext cx="1060703" cy="9668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146" name="Picture 3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79134" y="469760"/>
            <a:ext cx="6103938" cy="726980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Rectangle 26"/>
          <p:cNvSpPr/>
          <p:nvPr/>
        </p:nvSpPr>
        <p:spPr>
          <a:xfrm>
            <a:off x="1055036" y="8097"/>
            <a:ext cx="10765536" cy="461663"/>
          </a:xfrm>
          <a:prstGeom prst="rect">
            <a:avLst/>
          </a:prstGeom>
        </p:spPr>
        <p:txBody>
          <a:bodyPr wrap="square" lIns="91438" tIns="45719" rIns="91438" bIns="45719">
            <a:spAutoFit/>
          </a:bodyPr>
          <a:lstStyle/>
          <a:p>
            <a:r>
              <a:rPr lang="en-US" sz="2400" b="1" dirty="0" err="1">
                <a:solidFill>
                  <a:srgbClr val="C00000"/>
                </a:solidFill>
              </a:rPr>
              <a:t>MỘT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SỐ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HÌ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Ả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PHẦN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MỀM</a:t>
            </a:r>
            <a:endParaRPr lang="en-US" sz="2400" dirty="0">
              <a:solidFill>
                <a:srgbClr val="C00000"/>
              </a:solidFill>
            </a:endParaRPr>
          </a:p>
        </p:txBody>
      </p:sp>
      <p:pic>
        <p:nvPicPr>
          <p:cNvPr id="39" name="Picture 2" descr="Mạng có dây và không dây - Loại nào dùng tốt hơn?"/>
          <p:cNvPicPr>
            <a:picLocks noChangeAspect="1" noChangeArrowheads="1"/>
          </p:cNvPicPr>
          <p:nvPr/>
        </p:nvPicPr>
        <p:blipFill>
          <a:blip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75265" y="4893789"/>
            <a:ext cx="1060703" cy="9668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170" name="Picture 33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79617" y="469760"/>
            <a:ext cx="6103938" cy="679622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Rectangle 26"/>
          <p:cNvSpPr/>
          <p:nvPr/>
        </p:nvSpPr>
        <p:spPr>
          <a:xfrm>
            <a:off x="1055036" y="8097"/>
            <a:ext cx="10765536" cy="461663"/>
          </a:xfrm>
          <a:prstGeom prst="rect">
            <a:avLst/>
          </a:prstGeom>
        </p:spPr>
        <p:txBody>
          <a:bodyPr wrap="square" lIns="91438" tIns="45719" rIns="91438" bIns="45719">
            <a:spAutoFit/>
          </a:bodyPr>
          <a:lstStyle/>
          <a:p>
            <a:r>
              <a:rPr lang="en-US" sz="2400" b="1" dirty="0" err="1">
                <a:solidFill>
                  <a:srgbClr val="C00000"/>
                </a:solidFill>
              </a:rPr>
              <a:t>MỘT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SỐ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HÌ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Ả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PHẦN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MỀM</a:t>
            </a:r>
            <a:endParaRPr lang="en-US" sz="2400" dirty="0">
              <a:solidFill>
                <a:srgbClr val="C00000"/>
              </a:solidFill>
            </a:endParaRPr>
          </a:p>
        </p:txBody>
      </p:sp>
      <p:pic>
        <p:nvPicPr>
          <p:cNvPr id="39" name="Picture 2" descr="Mạng có dây và không dây - Loại nào dùng tốt hơn?"/>
          <p:cNvPicPr>
            <a:picLocks noChangeAspect="1" noChangeArrowheads="1"/>
          </p:cNvPicPr>
          <p:nvPr/>
        </p:nvPicPr>
        <p:blipFill>
          <a:blip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75265" y="4893789"/>
            <a:ext cx="1060703" cy="9668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194" name="Picture 34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37490" y="469760"/>
            <a:ext cx="6103938" cy="682797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流程图: 离页连接符 1"/>
          <p:cNvSpPr/>
          <p:nvPr/>
        </p:nvSpPr>
        <p:spPr>
          <a:xfrm>
            <a:off x="6285687" y="1562101"/>
            <a:ext cx="778668" cy="725715"/>
          </a:xfrm>
          <a:prstGeom prst="flowChartOffpageConnector">
            <a:avLst/>
          </a:prstGeom>
          <a:solidFill>
            <a:srgbClr val="F5C7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71949" rIns="0" bIns="0" numCol="1" spcCol="0" rtlCol="0" fromWordArt="0" anchor="ctr" anchorCtr="0" forceAA="0" compatLnSpc="1">
            <a:noAutofit/>
          </a:bodyPr>
          <a:lstStyle/>
          <a:p>
            <a:pPr algn="ctr"/>
            <a:r>
              <a:rPr lang="en-US" altLang="zh-CN" sz="3200" spc="100" dirty="0">
                <a:cs typeface="+mn-ea"/>
                <a:sym typeface="+mn-lt"/>
              </a:rPr>
              <a:t>01</a:t>
            </a:r>
            <a:endParaRPr lang="zh-CN" altLang="en-US" sz="3200" spc="100" dirty="0">
              <a:cs typeface="+mn-ea"/>
              <a:sym typeface="+mn-lt"/>
            </a:endParaRPr>
          </a:p>
        </p:txBody>
      </p:sp>
      <p:sp>
        <p:nvSpPr>
          <p:cNvPr id="3" name="文本框 2"/>
          <p:cNvSpPr txBox="1"/>
          <p:nvPr/>
        </p:nvSpPr>
        <p:spPr>
          <a:xfrm>
            <a:off x="7415348" y="1519072"/>
            <a:ext cx="2854960" cy="520700"/>
          </a:xfrm>
          <a:prstGeom prst="rect">
            <a:avLst/>
          </a:prstGeom>
          <a:noFill/>
        </p:spPr>
        <p:txBody>
          <a:bodyPr wrap="none" lIns="91375" tIns="45690" rIns="91375" bIns="45690" rtlCol="0">
            <a:spAutoFit/>
          </a:bodyPr>
          <a:lstStyle/>
          <a:p>
            <a:r>
              <a:rPr lang="en-US" altLang="zh-CN" sz="2800" b="1" dirty="0">
                <a:solidFill>
                  <a:srgbClr val="F5C700"/>
                </a:solidFill>
                <a:cs typeface="+mn-ea"/>
                <a:sym typeface="+mn-lt"/>
              </a:rPr>
              <a:t>PHẦN MỞ ĐẦU </a:t>
            </a:r>
            <a:endParaRPr lang="en-US" altLang="zh-CN" sz="2800" b="1" dirty="0">
              <a:solidFill>
                <a:srgbClr val="F5C700"/>
              </a:solidFill>
              <a:cs typeface="+mn-ea"/>
              <a:sym typeface="+mn-lt"/>
            </a:endParaRPr>
          </a:p>
        </p:txBody>
      </p:sp>
      <p:cxnSp>
        <p:nvCxnSpPr>
          <p:cNvPr id="4" name="直接连接符 3"/>
          <p:cNvCxnSpPr/>
          <p:nvPr/>
        </p:nvCxnSpPr>
        <p:spPr>
          <a:xfrm>
            <a:off x="7234382" y="2151744"/>
            <a:ext cx="3768457" cy="0"/>
          </a:xfrm>
          <a:prstGeom prst="line">
            <a:avLst/>
          </a:prstGeom>
          <a:ln>
            <a:solidFill>
              <a:schemeClr val="bg1">
                <a:lumMod val="75000"/>
              </a:schemeClr>
            </a:solidFill>
            <a:headEnd type="none"/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" name="流程图: 离页连接符 4"/>
          <p:cNvSpPr/>
          <p:nvPr/>
        </p:nvSpPr>
        <p:spPr>
          <a:xfrm>
            <a:off x="5474095" y="2563588"/>
            <a:ext cx="778668" cy="725715"/>
          </a:xfrm>
          <a:prstGeom prst="flowChartOffpageConnector">
            <a:avLst/>
          </a:prstGeom>
          <a:solidFill>
            <a:srgbClr val="1D425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71949" rIns="0" bIns="0" numCol="1" spcCol="0" rtlCol="0" fromWordArt="0" anchor="ctr" anchorCtr="0" forceAA="0" compatLnSpc="1">
            <a:noAutofit/>
          </a:bodyPr>
          <a:lstStyle/>
          <a:p>
            <a:pPr algn="ctr"/>
            <a:r>
              <a:rPr lang="en-US" altLang="zh-CN" sz="3200" dirty="0">
                <a:solidFill>
                  <a:schemeClr val="bg1"/>
                </a:solidFill>
                <a:cs typeface="+mn-ea"/>
                <a:sym typeface="+mn-lt"/>
              </a:rPr>
              <a:t>02</a:t>
            </a:r>
            <a:endParaRPr lang="zh-CN" altLang="en-US" sz="3200" dirty="0">
              <a:solidFill>
                <a:schemeClr val="bg1"/>
              </a:solidFill>
              <a:cs typeface="+mn-ea"/>
              <a:sym typeface="+mn-lt"/>
            </a:endParaRPr>
          </a:p>
        </p:txBody>
      </p:sp>
      <p:sp>
        <p:nvSpPr>
          <p:cNvPr id="6" name="文本框 5"/>
          <p:cNvSpPr txBox="1"/>
          <p:nvPr/>
        </p:nvSpPr>
        <p:spPr>
          <a:xfrm>
            <a:off x="6547322" y="2604943"/>
            <a:ext cx="3097191" cy="523160"/>
          </a:xfrm>
          <a:prstGeom prst="rect">
            <a:avLst/>
          </a:prstGeom>
          <a:noFill/>
        </p:spPr>
        <p:txBody>
          <a:bodyPr wrap="none" lIns="91375" tIns="45690" rIns="91375" bIns="45690" rtlCol="0">
            <a:spAutoFit/>
          </a:bodyPr>
          <a:lstStyle/>
          <a:p>
            <a:r>
              <a:rPr lang="en-US" altLang="zh-CN" sz="2800" b="1" dirty="0" err="1">
                <a:solidFill>
                  <a:srgbClr val="1D4251"/>
                </a:solidFill>
                <a:cs typeface="+mn-ea"/>
                <a:sym typeface="+mn-lt"/>
              </a:rPr>
              <a:t>PHẦN</a:t>
            </a:r>
            <a:r>
              <a:rPr lang="en-US" altLang="zh-CN" sz="28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800" b="1" dirty="0" err="1">
                <a:solidFill>
                  <a:srgbClr val="1D4251"/>
                </a:solidFill>
                <a:cs typeface="+mn-ea"/>
                <a:sym typeface="+mn-lt"/>
              </a:rPr>
              <a:t>NỘI</a:t>
            </a:r>
            <a:r>
              <a:rPr lang="en-US" altLang="zh-CN" sz="2800" b="1" dirty="0">
                <a:solidFill>
                  <a:srgbClr val="1D4251"/>
                </a:solidFill>
                <a:cs typeface="+mn-ea"/>
                <a:sym typeface="+mn-lt"/>
              </a:rPr>
              <a:t> DUNG</a:t>
            </a:r>
            <a:endParaRPr lang="zh-CN" altLang="en-US" sz="2800" b="1" dirty="0">
              <a:solidFill>
                <a:srgbClr val="1D4251"/>
              </a:solidFill>
              <a:cs typeface="+mn-ea"/>
              <a:sym typeface="+mn-lt"/>
            </a:endParaRPr>
          </a:p>
        </p:txBody>
      </p:sp>
      <p:cxnSp>
        <p:nvCxnSpPr>
          <p:cNvPr id="7" name="直接连接符 6"/>
          <p:cNvCxnSpPr/>
          <p:nvPr/>
        </p:nvCxnSpPr>
        <p:spPr>
          <a:xfrm>
            <a:off x="6675021" y="3128103"/>
            <a:ext cx="3768457" cy="0"/>
          </a:xfrm>
          <a:prstGeom prst="line">
            <a:avLst/>
          </a:prstGeom>
          <a:ln>
            <a:solidFill>
              <a:schemeClr val="bg1">
                <a:lumMod val="75000"/>
              </a:schemeClr>
            </a:solidFill>
            <a:headEnd type="none"/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" name="流程图: 离页连接符 7"/>
          <p:cNvSpPr/>
          <p:nvPr/>
        </p:nvSpPr>
        <p:spPr>
          <a:xfrm>
            <a:off x="5474093" y="3581301"/>
            <a:ext cx="778668" cy="725715"/>
          </a:xfrm>
          <a:prstGeom prst="flowChartOffpageConnector">
            <a:avLst/>
          </a:prstGeom>
          <a:solidFill>
            <a:srgbClr val="F5C7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71949" rIns="0" bIns="0" numCol="1" spcCol="0" rtlCol="0" fromWordArt="0" anchor="ctr" anchorCtr="0" forceAA="0" compatLnSpc="1">
            <a:noAutofit/>
          </a:bodyPr>
          <a:lstStyle/>
          <a:p>
            <a:pPr algn="ctr"/>
            <a:r>
              <a:rPr lang="en-US" altLang="zh-CN" sz="3200" dirty="0">
                <a:cs typeface="+mn-ea"/>
                <a:sym typeface="+mn-lt"/>
              </a:rPr>
              <a:t>03</a:t>
            </a:r>
            <a:endParaRPr lang="zh-CN" altLang="en-US" sz="3200" dirty="0">
              <a:cs typeface="+mn-ea"/>
              <a:sym typeface="+mn-lt"/>
            </a:endParaRPr>
          </a:p>
        </p:txBody>
      </p:sp>
      <p:sp>
        <p:nvSpPr>
          <p:cNvPr id="9" name="文本框 8"/>
          <p:cNvSpPr txBox="1"/>
          <p:nvPr/>
        </p:nvSpPr>
        <p:spPr>
          <a:xfrm>
            <a:off x="6547322" y="3581301"/>
            <a:ext cx="3118030" cy="523160"/>
          </a:xfrm>
          <a:prstGeom prst="rect">
            <a:avLst/>
          </a:prstGeom>
          <a:noFill/>
        </p:spPr>
        <p:txBody>
          <a:bodyPr wrap="none" lIns="91375" tIns="45690" rIns="91375" bIns="45690" rtlCol="0">
            <a:spAutoFit/>
          </a:bodyPr>
          <a:lstStyle/>
          <a:p>
            <a:r>
              <a:rPr lang="en-US" altLang="zh-CN" sz="2800" b="1" dirty="0" err="1">
                <a:solidFill>
                  <a:srgbClr val="F5C700"/>
                </a:solidFill>
                <a:cs typeface="+mn-ea"/>
                <a:sym typeface="+mn-lt"/>
              </a:rPr>
              <a:t>PHẦN</a:t>
            </a:r>
            <a:r>
              <a:rPr lang="en-US" altLang="zh-CN" sz="2800" b="1" dirty="0">
                <a:solidFill>
                  <a:srgbClr val="F5C700"/>
                </a:solidFill>
                <a:cs typeface="+mn-ea"/>
                <a:sym typeface="+mn-lt"/>
              </a:rPr>
              <a:t> </a:t>
            </a:r>
            <a:r>
              <a:rPr lang="en-US" altLang="zh-CN" sz="2800" b="1" dirty="0" err="1">
                <a:solidFill>
                  <a:srgbClr val="F5C700"/>
                </a:solidFill>
                <a:cs typeface="+mn-ea"/>
                <a:sym typeface="+mn-lt"/>
              </a:rPr>
              <a:t>KẾT</a:t>
            </a:r>
            <a:r>
              <a:rPr lang="en-US" altLang="zh-CN" sz="2800" b="1" dirty="0">
                <a:solidFill>
                  <a:srgbClr val="F5C700"/>
                </a:solidFill>
                <a:cs typeface="+mn-ea"/>
                <a:sym typeface="+mn-lt"/>
              </a:rPr>
              <a:t> </a:t>
            </a:r>
            <a:r>
              <a:rPr lang="en-US" altLang="zh-CN" sz="2800" b="1" dirty="0" err="1">
                <a:solidFill>
                  <a:srgbClr val="F5C700"/>
                </a:solidFill>
                <a:cs typeface="+mn-ea"/>
                <a:sym typeface="+mn-lt"/>
              </a:rPr>
              <a:t>LUẬN</a:t>
            </a:r>
            <a:endParaRPr lang="zh-CN" altLang="en-US" sz="2800" b="1" dirty="0">
              <a:solidFill>
                <a:srgbClr val="F5C700"/>
              </a:solidFill>
              <a:cs typeface="+mn-ea"/>
              <a:sym typeface="+mn-lt"/>
            </a:endParaRPr>
          </a:p>
        </p:txBody>
      </p:sp>
      <p:cxnSp>
        <p:nvCxnSpPr>
          <p:cNvPr id="10" name="直接连接符 9"/>
          <p:cNvCxnSpPr/>
          <p:nvPr/>
        </p:nvCxnSpPr>
        <p:spPr>
          <a:xfrm>
            <a:off x="6547322" y="4104461"/>
            <a:ext cx="3768457" cy="0"/>
          </a:xfrm>
          <a:prstGeom prst="line">
            <a:avLst/>
          </a:prstGeom>
          <a:ln>
            <a:solidFill>
              <a:schemeClr val="bg1">
                <a:lumMod val="75000"/>
              </a:schemeClr>
            </a:solidFill>
            <a:headEnd type="none"/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流程图: 离页连接符 10"/>
          <p:cNvSpPr/>
          <p:nvPr/>
        </p:nvSpPr>
        <p:spPr>
          <a:xfrm>
            <a:off x="6285687" y="4512045"/>
            <a:ext cx="778668" cy="725715"/>
          </a:xfrm>
          <a:prstGeom prst="flowChartOffpageConnector">
            <a:avLst/>
          </a:prstGeom>
          <a:solidFill>
            <a:srgbClr val="1D425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71949" rIns="0" bIns="0" numCol="1" spcCol="0" rtlCol="0" fromWordArt="0" anchor="ctr" anchorCtr="0" forceAA="0" compatLnSpc="1">
            <a:noAutofit/>
          </a:bodyPr>
          <a:lstStyle/>
          <a:p>
            <a:pPr algn="ctr"/>
            <a:r>
              <a:rPr lang="en-US" altLang="zh-CN" sz="3200" dirty="0">
                <a:solidFill>
                  <a:schemeClr val="bg1"/>
                </a:solidFill>
                <a:cs typeface="+mn-ea"/>
                <a:sym typeface="+mn-lt"/>
              </a:rPr>
              <a:t>04</a:t>
            </a:r>
            <a:endParaRPr lang="zh-CN" altLang="en-US" sz="3200" dirty="0">
              <a:solidFill>
                <a:schemeClr val="bg1"/>
              </a:solidFill>
              <a:cs typeface="+mn-ea"/>
              <a:sym typeface="+mn-lt"/>
            </a:endParaRPr>
          </a:p>
        </p:txBody>
      </p:sp>
      <p:sp>
        <p:nvSpPr>
          <p:cNvPr id="12" name="文本框 11"/>
          <p:cNvSpPr txBox="1"/>
          <p:nvPr/>
        </p:nvSpPr>
        <p:spPr>
          <a:xfrm>
            <a:off x="7130789" y="4580634"/>
            <a:ext cx="3975641" cy="523163"/>
          </a:xfrm>
          <a:prstGeom prst="rect">
            <a:avLst/>
          </a:prstGeom>
          <a:noFill/>
        </p:spPr>
        <p:txBody>
          <a:bodyPr wrap="none" lIns="91375" tIns="45690" rIns="91375" bIns="45690" rtlCol="0">
            <a:spAutoFit/>
          </a:bodyPr>
          <a:lstStyle/>
          <a:p>
            <a:r>
              <a:rPr lang="en-US" altLang="zh-CN" sz="2800" b="1" dirty="0" err="1">
                <a:solidFill>
                  <a:srgbClr val="1D4251"/>
                </a:solidFill>
                <a:cs typeface="+mn-ea"/>
                <a:sym typeface="+mn-lt"/>
              </a:rPr>
              <a:t>TÀI</a:t>
            </a:r>
            <a:r>
              <a:rPr lang="en-US" altLang="zh-CN" sz="28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800" b="1" dirty="0" err="1">
                <a:solidFill>
                  <a:srgbClr val="1D4251"/>
                </a:solidFill>
                <a:cs typeface="+mn-ea"/>
                <a:sym typeface="+mn-lt"/>
              </a:rPr>
              <a:t>LIỆU</a:t>
            </a:r>
            <a:r>
              <a:rPr lang="en-US" altLang="zh-CN" sz="28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800" b="1" dirty="0" err="1">
                <a:solidFill>
                  <a:srgbClr val="1D4251"/>
                </a:solidFill>
                <a:cs typeface="+mn-ea"/>
                <a:sym typeface="+mn-lt"/>
              </a:rPr>
              <a:t>THAM</a:t>
            </a:r>
            <a:r>
              <a:rPr lang="en-US" altLang="zh-CN" sz="28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800" b="1" dirty="0" err="1">
                <a:solidFill>
                  <a:srgbClr val="1D4251"/>
                </a:solidFill>
                <a:cs typeface="+mn-ea"/>
                <a:sym typeface="+mn-lt"/>
              </a:rPr>
              <a:t>KHẢO</a:t>
            </a:r>
            <a:endParaRPr lang="zh-CN" altLang="en-US" sz="2800" b="1" dirty="0">
              <a:solidFill>
                <a:srgbClr val="1D4251"/>
              </a:solidFill>
              <a:cs typeface="+mn-ea"/>
              <a:sym typeface="+mn-lt"/>
            </a:endParaRPr>
          </a:p>
        </p:txBody>
      </p:sp>
      <p:cxnSp>
        <p:nvCxnSpPr>
          <p:cNvPr id="13" name="直接连接符 12"/>
          <p:cNvCxnSpPr/>
          <p:nvPr/>
        </p:nvCxnSpPr>
        <p:spPr>
          <a:xfrm>
            <a:off x="7234382" y="5156203"/>
            <a:ext cx="3768457" cy="0"/>
          </a:xfrm>
          <a:prstGeom prst="line">
            <a:avLst/>
          </a:prstGeom>
          <a:ln>
            <a:solidFill>
              <a:schemeClr val="bg1">
                <a:lumMod val="75000"/>
              </a:schemeClr>
            </a:solidFill>
            <a:headEnd type="none"/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7" name="矩形 16"/>
          <p:cNvSpPr/>
          <p:nvPr/>
        </p:nvSpPr>
        <p:spPr>
          <a:xfrm>
            <a:off x="0" y="0"/>
            <a:ext cx="4455885" cy="6858000"/>
          </a:xfrm>
          <a:prstGeom prst="rect">
            <a:avLst/>
          </a:prstGeom>
          <a:solidFill>
            <a:srgbClr val="1D425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 sz="2400">
              <a:cs typeface="+mn-ea"/>
              <a:sym typeface="+mn-lt"/>
            </a:endParaRPr>
          </a:p>
        </p:txBody>
      </p:sp>
      <p:sp>
        <p:nvSpPr>
          <p:cNvPr id="20" name="矩形 19"/>
          <p:cNvSpPr/>
          <p:nvPr/>
        </p:nvSpPr>
        <p:spPr bwMode="auto">
          <a:xfrm>
            <a:off x="0" y="491092"/>
            <a:ext cx="4843908" cy="2062042"/>
          </a:xfrm>
          <a:prstGeom prst="rect">
            <a:avLst/>
          </a:prstGeom>
        </p:spPr>
        <p:txBody>
          <a:bodyPr wrap="square" lIns="91375" tIns="45690" rIns="91375" bIns="45690">
            <a:spAutoFit/>
          </a:bodyPr>
          <a:lstStyle/>
          <a:p>
            <a:pPr algn="ctr"/>
            <a:r>
              <a:rPr lang="en-US" sz="3200" b="1" dirty="0">
                <a:solidFill>
                  <a:srgbClr val="FF0000"/>
                </a:solidFill>
              </a:rPr>
              <a:t>SỬ DỤNG PHẦN MỀM BẢNG TUẦN HOÀN THÔNG MINH</a:t>
            </a:r>
            <a:endParaRPr lang="en-US" sz="3200" b="1" dirty="0">
              <a:solidFill>
                <a:srgbClr val="FF0000"/>
              </a:solidFill>
            </a:endParaRPr>
          </a:p>
          <a:p>
            <a:pPr algn="ctr"/>
            <a:r>
              <a:rPr lang="en-US" sz="3200" b="1" dirty="0">
                <a:solidFill>
                  <a:srgbClr val="FF0000"/>
                </a:solidFill>
              </a:rPr>
              <a:t>TRONG MÔN KHTN 8</a:t>
            </a:r>
            <a:endParaRPr lang="en-US" sz="3200" b="1" dirty="0">
              <a:solidFill>
                <a:srgbClr val="FF0000"/>
              </a:solidFill>
            </a:endParaRPr>
          </a:p>
        </p:txBody>
      </p:sp>
      <p:pic>
        <p:nvPicPr>
          <p:cNvPr id="15" name="Picture 14" descr="A group of colorful squares with different letters&#10;&#10;Description automatically generated"/>
          <p:cNvPicPr>
            <a:picLocks noChangeAspect="1"/>
          </p:cNvPicPr>
          <p:nvPr/>
        </p:nvPicPr>
        <p:blipFill>
          <a:blip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37032" y="2815511"/>
            <a:ext cx="4529947" cy="2545449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42" presetClass="path" presetSubtype="0" decel="10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4.44444E-6 L 4.16667E-6 -0.10903 " pathEditMode="relative" rAng="0" ptsTypes="AA">
                                      <p:cBhvr>
                                        <p:cTn id="14" dur="1000" spd="-100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546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3" presetClass="entr" presetSubtype="16" fill="hold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49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42" presetClass="path" presetSubtype="0" decel="10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-3.7037E-7 L 4.16667E-6 -0.10903 " pathEditMode="relative" rAng="0" ptsTypes="AA">
                                      <p:cBhvr>
                                        <p:cTn id="30" dur="1000" spd="-100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546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2049"/>
                            </p:stCondLst>
                            <p:childTnLst>
                              <p:par>
                                <p:cTn id="3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3" presetClass="entr" presetSubtype="16" fill="hold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9" dur="500" fill="hold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0" dur="500" fill="hold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1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42" presetClass="path" presetSubtype="0" decel="10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4.81481E-6 L 4.16667E-6 -0.10903 " pathEditMode="relative" rAng="0" ptsTypes="AA">
                                      <p:cBhvr>
                                        <p:cTn id="46" dur="1000" spd="-100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546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2100"/>
                            </p:stCondLst>
                            <p:childTnLst>
                              <p:par>
                                <p:cTn id="4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3" presetClass="entr" presetSubtype="16" fill="hold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5" dur="500" fill="hold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6" dur="500" fill="hold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1100"/>
                            </p:stCondLst>
                            <p:childTnLst>
                              <p:par>
                                <p:cTn id="5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42" presetClass="path" presetSubtype="0" decel="10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1.11022E-16 L 4.16667E-6 -0.10903 " pathEditMode="relative" rAng="0" ptsTypes="AA">
                                      <p:cBhvr>
                                        <p:cTn id="62" dur="1000" spd="-100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546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2100"/>
                            </p:stCondLst>
                            <p:childTnLst>
                              <p:par>
                                <p:cTn id="6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23" presetClass="entr" presetSubtype="16" fill="hold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1" dur="500" fill="hold"/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2" dur="500" fill="hold"/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2" grpId="1" animBg="1"/>
      <p:bldP spid="5" grpId="0" animBg="1"/>
      <p:bldP spid="5" grpId="1" animBg="1"/>
      <p:bldP spid="8" grpId="0" animBg="1"/>
      <p:bldP spid="8" grpId="1" animBg="1"/>
      <p:bldP spid="11" grpId="0" animBg="1"/>
      <p:bldP spid="11" grpId="1" animBg="1"/>
      <p:bldP spid="20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Rectangle 26"/>
          <p:cNvSpPr/>
          <p:nvPr/>
        </p:nvSpPr>
        <p:spPr>
          <a:xfrm>
            <a:off x="1055036" y="8097"/>
            <a:ext cx="10765536" cy="461663"/>
          </a:xfrm>
          <a:prstGeom prst="rect">
            <a:avLst/>
          </a:prstGeom>
        </p:spPr>
        <p:txBody>
          <a:bodyPr wrap="square" lIns="91438" tIns="45719" rIns="91438" bIns="45719">
            <a:spAutoFit/>
          </a:bodyPr>
          <a:lstStyle/>
          <a:p>
            <a:r>
              <a:rPr lang="en-US" sz="2400" b="1" dirty="0" err="1">
                <a:solidFill>
                  <a:srgbClr val="C00000"/>
                </a:solidFill>
              </a:rPr>
              <a:t>MỘT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SỐ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HÌ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ẢNH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PHẦN</a:t>
            </a:r>
            <a:r>
              <a:rPr lang="en-US" sz="2400" b="1" dirty="0">
                <a:solidFill>
                  <a:srgbClr val="C00000"/>
                </a:solidFill>
              </a:rPr>
              <a:t> </a:t>
            </a:r>
            <a:r>
              <a:rPr lang="en-US" sz="2400" b="1" dirty="0" err="1">
                <a:solidFill>
                  <a:srgbClr val="C00000"/>
                </a:solidFill>
              </a:rPr>
              <a:t>MỀM</a:t>
            </a:r>
            <a:endParaRPr lang="en-US" sz="2400" dirty="0">
              <a:solidFill>
                <a:srgbClr val="C00000"/>
              </a:solidFill>
            </a:endParaRPr>
          </a:p>
        </p:txBody>
      </p:sp>
      <p:pic>
        <p:nvPicPr>
          <p:cNvPr id="39" name="Picture 2" descr="Mạng có dây và không dây - Loại nào dùng tốt hơn?"/>
          <p:cNvPicPr>
            <a:picLocks noChangeAspect="1" noChangeArrowheads="1"/>
          </p:cNvPicPr>
          <p:nvPr/>
        </p:nvPicPr>
        <p:blipFill>
          <a:blip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75265" y="4893789"/>
            <a:ext cx="1060703" cy="9668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218" name="Picture 36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07345" y="389373"/>
            <a:ext cx="6103938" cy="696291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组合 1"/>
          <p:cNvGrpSpPr/>
          <p:nvPr/>
        </p:nvGrpSpPr>
        <p:grpSpPr>
          <a:xfrm>
            <a:off x="556191" y="1512755"/>
            <a:ext cx="1829140" cy="1829140"/>
            <a:chOff x="1519941" y="1526621"/>
            <a:chExt cx="1664898" cy="1664898"/>
          </a:xfrm>
        </p:grpSpPr>
        <p:sp>
          <p:nvSpPr>
            <p:cNvPr id="3" name="椭圆 2"/>
            <p:cNvSpPr/>
            <p:nvPr/>
          </p:nvSpPr>
          <p:spPr>
            <a:xfrm>
              <a:off x="1519941" y="1526621"/>
              <a:ext cx="1664898" cy="1664898"/>
            </a:xfrm>
            <a:prstGeom prst="ellipse">
              <a:avLst/>
            </a:prstGeom>
            <a:solidFill>
              <a:srgbClr val="F5C7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400">
                <a:solidFill>
                  <a:prstClr val="white"/>
                </a:solidFill>
                <a:cs typeface="Helvetica" panose="020B0604020202020204"/>
                <a:sym typeface="+mn-lt"/>
              </a:endParaRPr>
            </a:p>
          </p:txBody>
        </p:sp>
        <p:sp>
          <p:nvSpPr>
            <p:cNvPr id="4" name="Freeform 10"/>
            <p:cNvSpPr>
              <a:spLocks noEditPoints="1"/>
            </p:cNvSpPr>
            <p:nvPr/>
          </p:nvSpPr>
          <p:spPr bwMode="auto">
            <a:xfrm>
              <a:off x="1902333" y="1849483"/>
              <a:ext cx="900113" cy="1019175"/>
            </a:xfrm>
            <a:custGeom>
              <a:avLst/>
              <a:gdLst>
                <a:gd name="T0" fmla="*/ 41 w 706"/>
                <a:gd name="T1" fmla="*/ 680 h 800"/>
                <a:gd name="T2" fmla="*/ 39 w 706"/>
                <a:gd name="T3" fmla="*/ 273 h 800"/>
                <a:gd name="T4" fmla="*/ 243 w 706"/>
                <a:gd name="T5" fmla="*/ 109 h 800"/>
                <a:gd name="T6" fmla="*/ 237 w 706"/>
                <a:gd name="T7" fmla="*/ 90 h 800"/>
                <a:gd name="T8" fmla="*/ 545 w 706"/>
                <a:gd name="T9" fmla="*/ 40 h 800"/>
                <a:gd name="T10" fmla="*/ 600 w 706"/>
                <a:gd name="T11" fmla="*/ 95 h 800"/>
                <a:gd name="T12" fmla="*/ 640 w 706"/>
                <a:gd name="T13" fmla="*/ 231 h 800"/>
                <a:gd name="T14" fmla="*/ 611 w 706"/>
                <a:gd name="T15" fmla="*/ 28 h 800"/>
                <a:gd name="T16" fmla="*/ 600 w 706"/>
                <a:gd name="T17" fmla="*/ 17 h 800"/>
                <a:gd name="T18" fmla="*/ 586 w 706"/>
                <a:gd name="T19" fmla="*/ 10 h 800"/>
                <a:gd name="T20" fmla="*/ 570 w 706"/>
                <a:gd name="T21" fmla="*/ 3 h 800"/>
                <a:gd name="T22" fmla="*/ 554 w 706"/>
                <a:gd name="T23" fmla="*/ 0 h 800"/>
                <a:gd name="T24" fmla="*/ 127 w 706"/>
                <a:gd name="T25" fmla="*/ 0 h 800"/>
                <a:gd name="T26" fmla="*/ 122 w 706"/>
                <a:gd name="T27" fmla="*/ 1 h 800"/>
                <a:gd name="T28" fmla="*/ 115 w 706"/>
                <a:gd name="T29" fmla="*/ 4 h 800"/>
                <a:gd name="T30" fmla="*/ 109 w 706"/>
                <a:gd name="T31" fmla="*/ 14 h 800"/>
                <a:gd name="T32" fmla="*/ 0 w 706"/>
                <a:gd name="T33" fmla="*/ 288 h 800"/>
                <a:gd name="T34" fmla="*/ 28 w 706"/>
                <a:gd name="T35" fmla="*/ 732 h 800"/>
                <a:gd name="T36" fmla="*/ 199 w 706"/>
                <a:gd name="T37" fmla="*/ 760 h 800"/>
                <a:gd name="T38" fmla="*/ 94 w 706"/>
                <a:gd name="T39" fmla="*/ 720 h 800"/>
                <a:gd name="T40" fmla="*/ 47 w 706"/>
                <a:gd name="T41" fmla="*/ 693 h 800"/>
                <a:gd name="T42" fmla="*/ 480 w 706"/>
                <a:gd name="T43" fmla="*/ 320 h 800"/>
                <a:gd name="T44" fmla="*/ 146 w 706"/>
                <a:gd name="T45" fmla="*/ 360 h 800"/>
                <a:gd name="T46" fmla="*/ 400 w 706"/>
                <a:gd name="T47" fmla="*/ 413 h 800"/>
                <a:gd name="T48" fmla="*/ 146 w 706"/>
                <a:gd name="T49" fmla="*/ 453 h 800"/>
                <a:gd name="T50" fmla="*/ 400 w 706"/>
                <a:gd name="T51" fmla="*/ 413 h 800"/>
                <a:gd name="T52" fmla="*/ 306 w 706"/>
                <a:gd name="T53" fmla="*/ 547 h 800"/>
                <a:gd name="T54" fmla="*/ 146 w 706"/>
                <a:gd name="T55" fmla="*/ 507 h 800"/>
                <a:gd name="T56" fmla="*/ 146 w 706"/>
                <a:gd name="T57" fmla="*/ 227 h 800"/>
                <a:gd name="T58" fmla="*/ 533 w 706"/>
                <a:gd name="T59" fmla="*/ 267 h 800"/>
                <a:gd name="T60" fmla="*/ 146 w 706"/>
                <a:gd name="T61" fmla="*/ 227 h 800"/>
                <a:gd name="T62" fmla="*/ 339 w 706"/>
                <a:gd name="T63" fmla="*/ 591 h 800"/>
                <a:gd name="T64" fmla="*/ 603 w 706"/>
                <a:gd name="T65" fmla="*/ 337 h 800"/>
                <a:gd name="T66" fmla="*/ 638 w 706"/>
                <a:gd name="T67" fmla="*/ 337 h 800"/>
                <a:gd name="T68" fmla="*/ 693 w 706"/>
                <a:gd name="T69" fmla="*/ 385 h 800"/>
                <a:gd name="T70" fmla="*/ 693 w 706"/>
                <a:gd name="T71" fmla="*/ 450 h 800"/>
                <a:gd name="T72" fmla="*/ 339 w 706"/>
                <a:gd name="T73" fmla="*/ 591 h 800"/>
                <a:gd name="T74" fmla="*/ 270 w 706"/>
                <a:gd name="T75" fmla="*/ 658 h 800"/>
                <a:gd name="T76" fmla="*/ 226 w 706"/>
                <a:gd name="T77" fmla="*/ 800 h 800"/>
                <a:gd name="T78" fmla="*/ 414 w 706"/>
                <a:gd name="T79" fmla="*/ 723 h 800"/>
                <a:gd name="T80" fmla="*/ 594 w 706"/>
                <a:gd name="T81" fmla="*/ 703 h 800"/>
                <a:gd name="T82" fmla="*/ 460 w 706"/>
                <a:gd name="T83" fmla="*/ 719 h 800"/>
                <a:gd name="T84" fmla="*/ 553 w 706"/>
                <a:gd name="T85" fmla="*/ 760 h 800"/>
                <a:gd name="T86" fmla="*/ 653 w 706"/>
                <a:gd name="T87" fmla="*/ 663 h 800"/>
                <a:gd name="T88" fmla="*/ 611 w 706"/>
                <a:gd name="T89" fmla="*/ 587 h 800"/>
                <a:gd name="T90" fmla="*/ 594 w 706"/>
                <a:gd name="T91" fmla="*/ 703 h 8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</a:cxnLst>
              <a:rect l="0" t="0" r="r" b="b"/>
              <a:pathLst>
                <a:path w="706" h="800">
                  <a:moveTo>
                    <a:pt x="47" y="693"/>
                  </a:moveTo>
                  <a:cubicBezTo>
                    <a:pt x="44" y="689"/>
                    <a:pt x="43" y="684"/>
                    <a:pt x="41" y="680"/>
                  </a:cubicBezTo>
                  <a:cubicBezTo>
                    <a:pt x="40" y="675"/>
                    <a:pt x="39" y="670"/>
                    <a:pt x="39" y="665"/>
                  </a:cubicBezTo>
                  <a:cubicBezTo>
                    <a:pt x="39" y="273"/>
                    <a:pt x="39" y="273"/>
                    <a:pt x="39" y="273"/>
                  </a:cubicBezTo>
                  <a:cubicBezTo>
                    <a:pt x="238" y="119"/>
                    <a:pt x="238" y="119"/>
                    <a:pt x="238" y="119"/>
                  </a:cubicBezTo>
                  <a:cubicBezTo>
                    <a:pt x="241" y="115"/>
                    <a:pt x="243" y="112"/>
                    <a:pt x="243" y="109"/>
                  </a:cubicBezTo>
                  <a:cubicBezTo>
                    <a:pt x="244" y="105"/>
                    <a:pt x="244" y="102"/>
                    <a:pt x="242" y="98"/>
                  </a:cubicBezTo>
                  <a:cubicBezTo>
                    <a:pt x="241" y="95"/>
                    <a:pt x="239" y="92"/>
                    <a:pt x="237" y="90"/>
                  </a:cubicBezTo>
                  <a:cubicBezTo>
                    <a:pt x="179" y="40"/>
                    <a:pt x="179" y="40"/>
                    <a:pt x="179" y="40"/>
                  </a:cubicBezTo>
                  <a:cubicBezTo>
                    <a:pt x="545" y="40"/>
                    <a:pt x="545" y="40"/>
                    <a:pt x="545" y="40"/>
                  </a:cubicBezTo>
                  <a:cubicBezTo>
                    <a:pt x="560" y="40"/>
                    <a:pt x="573" y="45"/>
                    <a:pt x="584" y="56"/>
                  </a:cubicBezTo>
                  <a:cubicBezTo>
                    <a:pt x="595" y="67"/>
                    <a:pt x="600" y="80"/>
                    <a:pt x="600" y="95"/>
                  </a:cubicBezTo>
                  <a:cubicBezTo>
                    <a:pt x="600" y="270"/>
                    <a:pt x="600" y="270"/>
                    <a:pt x="600" y="270"/>
                  </a:cubicBezTo>
                  <a:cubicBezTo>
                    <a:pt x="640" y="231"/>
                    <a:pt x="640" y="231"/>
                    <a:pt x="640" y="231"/>
                  </a:cubicBezTo>
                  <a:cubicBezTo>
                    <a:pt x="640" y="95"/>
                    <a:pt x="640" y="95"/>
                    <a:pt x="640" y="95"/>
                  </a:cubicBezTo>
                  <a:cubicBezTo>
                    <a:pt x="640" y="69"/>
                    <a:pt x="630" y="47"/>
                    <a:pt x="611" y="28"/>
                  </a:cubicBezTo>
                  <a:cubicBezTo>
                    <a:pt x="609" y="26"/>
                    <a:pt x="607" y="24"/>
                    <a:pt x="606" y="22"/>
                  </a:cubicBezTo>
                  <a:cubicBezTo>
                    <a:pt x="604" y="21"/>
                    <a:pt x="602" y="19"/>
                    <a:pt x="600" y="17"/>
                  </a:cubicBezTo>
                  <a:cubicBezTo>
                    <a:pt x="592" y="13"/>
                    <a:pt x="592" y="13"/>
                    <a:pt x="592" y="13"/>
                  </a:cubicBezTo>
                  <a:cubicBezTo>
                    <a:pt x="590" y="11"/>
                    <a:pt x="588" y="10"/>
                    <a:pt x="586" y="10"/>
                  </a:cubicBezTo>
                  <a:cubicBezTo>
                    <a:pt x="578" y="6"/>
                    <a:pt x="578" y="6"/>
                    <a:pt x="578" y="6"/>
                  </a:cubicBezTo>
                  <a:cubicBezTo>
                    <a:pt x="576" y="5"/>
                    <a:pt x="573" y="4"/>
                    <a:pt x="570" y="3"/>
                  </a:cubicBezTo>
                  <a:cubicBezTo>
                    <a:pt x="567" y="2"/>
                    <a:pt x="565" y="2"/>
                    <a:pt x="562" y="1"/>
                  </a:cubicBezTo>
                  <a:cubicBezTo>
                    <a:pt x="559" y="1"/>
                    <a:pt x="557" y="1"/>
                    <a:pt x="554" y="0"/>
                  </a:cubicBezTo>
                  <a:cubicBezTo>
                    <a:pt x="551" y="0"/>
                    <a:pt x="548" y="0"/>
                    <a:pt x="545" y="0"/>
                  </a:cubicBezTo>
                  <a:cubicBezTo>
                    <a:pt x="127" y="0"/>
                    <a:pt x="127" y="0"/>
                    <a:pt x="127" y="0"/>
                  </a:cubicBezTo>
                  <a:cubicBezTo>
                    <a:pt x="124" y="0"/>
                    <a:pt x="124" y="0"/>
                    <a:pt x="124" y="0"/>
                  </a:cubicBezTo>
                  <a:cubicBezTo>
                    <a:pt x="122" y="1"/>
                    <a:pt x="122" y="1"/>
                    <a:pt x="122" y="1"/>
                  </a:cubicBezTo>
                  <a:cubicBezTo>
                    <a:pt x="120" y="2"/>
                    <a:pt x="118" y="2"/>
                    <a:pt x="118" y="2"/>
                  </a:cubicBezTo>
                  <a:cubicBezTo>
                    <a:pt x="117" y="3"/>
                    <a:pt x="116" y="3"/>
                    <a:pt x="115" y="4"/>
                  </a:cubicBezTo>
                  <a:cubicBezTo>
                    <a:pt x="110" y="10"/>
                    <a:pt x="110" y="10"/>
                    <a:pt x="110" y="10"/>
                  </a:cubicBezTo>
                  <a:cubicBezTo>
                    <a:pt x="109" y="12"/>
                    <a:pt x="109" y="13"/>
                    <a:pt x="109" y="14"/>
                  </a:cubicBezTo>
                  <a:cubicBezTo>
                    <a:pt x="2" y="280"/>
                    <a:pt x="2" y="280"/>
                    <a:pt x="2" y="280"/>
                  </a:cubicBezTo>
                  <a:cubicBezTo>
                    <a:pt x="0" y="283"/>
                    <a:pt x="0" y="285"/>
                    <a:pt x="0" y="288"/>
                  </a:cubicBezTo>
                  <a:cubicBezTo>
                    <a:pt x="0" y="665"/>
                    <a:pt x="0" y="665"/>
                    <a:pt x="0" y="665"/>
                  </a:cubicBezTo>
                  <a:cubicBezTo>
                    <a:pt x="0" y="691"/>
                    <a:pt x="9" y="713"/>
                    <a:pt x="28" y="732"/>
                  </a:cubicBezTo>
                  <a:cubicBezTo>
                    <a:pt x="46" y="751"/>
                    <a:pt x="68" y="760"/>
                    <a:pt x="94" y="760"/>
                  </a:cubicBezTo>
                  <a:cubicBezTo>
                    <a:pt x="199" y="760"/>
                    <a:pt x="199" y="760"/>
                    <a:pt x="199" y="760"/>
                  </a:cubicBezTo>
                  <a:cubicBezTo>
                    <a:pt x="214" y="720"/>
                    <a:pt x="214" y="720"/>
                    <a:pt x="214" y="720"/>
                  </a:cubicBezTo>
                  <a:cubicBezTo>
                    <a:pt x="94" y="720"/>
                    <a:pt x="94" y="720"/>
                    <a:pt x="94" y="720"/>
                  </a:cubicBezTo>
                  <a:cubicBezTo>
                    <a:pt x="79" y="720"/>
                    <a:pt x="66" y="715"/>
                    <a:pt x="56" y="704"/>
                  </a:cubicBezTo>
                  <a:cubicBezTo>
                    <a:pt x="52" y="700"/>
                    <a:pt x="50" y="696"/>
                    <a:pt x="47" y="693"/>
                  </a:cubicBezTo>
                  <a:close/>
                  <a:moveTo>
                    <a:pt x="146" y="320"/>
                  </a:moveTo>
                  <a:cubicBezTo>
                    <a:pt x="480" y="320"/>
                    <a:pt x="480" y="320"/>
                    <a:pt x="480" y="320"/>
                  </a:cubicBezTo>
                  <a:cubicBezTo>
                    <a:pt x="480" y="360"/>
                    <a:pt x="480" y="360"/>
                    <a:pt x="480" y="360"/>
                  </a:cubicBezTo>
                  <a:cubicBezTo>
                    <a:pt x="146" y="360"/>
                    <a:pt x="146" y="360"/>
                    <a:pt x="146" y="360"/>
                  </a:cubicBezTo>
                  <a:cubicBezTo>
                    <a:pt x="146" y="320"/>
                    <a:pt x="146" y="320"/>
                    <a:pt x="146" y="320"/>
                  </a:cubicBezTo>
                  <a:close/>
                  <a:moveTo>
                    <a:pt x="400" y="413"/>
                  </a:moveTo>
                  <a:cubicBezTo>
                    <a:pt x="400" y="453"/>
                    <a:pt x="400" y="453"/>
                    <a:pt x="400" y="453"/>
                  </a:cubicBezTo>
                  <a:cubicBezTo>
                    <a:pt x="146" y="453"/>
                    <a:pt x="146" y="453"/>
                    <a:pt x="146" y="453"/>
                  </a:cubicBezTo>
                  <a:cubicBezTo>
                    <a:pt x="146" y="413"/>
                    <a:pt x="146" y="413"/>
                    <a:pt x="146" y="413"/>
                  </a:cubicBezTo>
                  <a:lnTo>
                    <a:pt x="400" y="413"/>
                  </a:lnTo>
                  <a:close/>
                  <a:moveTo>
                    <a:pt x="306" y="507"/>
                  </a:moveTo>
                  <a:cubicBezTo>
                    <a:pt x="306" y="547"/>
                    <a:pt x="306" y="547"/>
                    <a:pt x="306" y="547"/>
                  </a:cubicBezTo>
                  <a:cubicBezTo>
                    <a:pt x="146" y="547"/>
                    <a:pt x="146" y="547"/>
                    <a:pt x="146" y="547"/>
                  </a:cubicBezTo>
                  <a:cubicBezTo>
                    <a:pt x="146" y="507"/>
                    <a:pt x="146" y="507"/>
                    <a:pt x="146" y="507"/>
                  </a:cubicBezTo>
                  <a:lnTo>
                    <a:pt x="306" y="507"/>
                  </a:lnTo>
                  <a:close/>
                  <a:moveTo>
                    <a:pt x="146" y="227"/>
                  </a:moveTo>
                  <a:cubicBezTo>
                    <a:pt x="533" y="227"/>
                    <a:pt x="533" y="227"/>
                    <a:pt x="533" y="227"/>
                  </a:cubicBezTo>
                  <a:cubicBezTo>
                    <a:pt x="533" y="267"/>
                    <a:pt x="533" y="267"/>
                    <a:pt x="533" y="267"/>
                  </a:cubicBezTo>
                  <a:cubicBezTo>
                    <a:pt x="146" y="267"/>
                    <a:pt x="146" y="267"/>
                    <a:pt x="146" y="267"/>
                  </a:cubicBezTo>
                  <a:cubicBezTo>
                    <a:pt x="146" y="227"/>
                    <a:pt x="146" y="227"/>
                    <a:pt x="146" y="227"/>
                  </a:cubicBezTo>
                  <a:cubicBezTo>
                    <a:pt x="146" y="227"/>
                    <a:pt x="146" y="227"/>
                    <a:pt x="146" y="227"/>
                  </a:cubicBezTo>
                  <a:close/>
                  <a:moveTo>
                    <a:pt x="339" y="591"/>
                  </a:moveTo>
                  <a:cubicBezTo>
                    <a:pt x="588" y="347"/>
                    <a:pt x="588" y="347"/>
                    <a:pt x="588" y="347"/>
                  </a:cubicBezTo>
                  <a:cubicBezTo>
                    <a:pt x="592" y="342"/>
                    <a:pt x="597" y="339"/>
                    <a:pt x="603" y="337"/>
                  </a:cubicBezTo>
                  <a:cubicBezTo>
                    <a:pt x="609" y="334"/>
                    <a:pt x="615" y="333"/>
                    <a:pt x="621" y="333"/>
                  </a:cubicBezTo>
                  <a:cubicBezTo>
                    <a:pt x="627" y="333"/>
                    <a:pt x="632" y="335"/>
                    <a:pt x="638" y="337"/>
                  </a:cubicBezTo>
                  <a:cubicBezTo>
                    <a:pt x="644" y="339"/>
                    <a:pt x="649" y="343"/>
                    <a:pt x="653" y="347"/>
                  </a:cubicBezTo>
                  <a:cubicBezTo>
                    <a:pt x="693" y="385"/>
                    <a:pt x="693" y="385"/>
                    <a:pt x="693" y="385"/>
                  </a:cubicBezTo>
                  <a:cubicBezTo>
                    <a:pt x="702" y="394"/>
                    <a:pt x="706" y="405"/>
                    <a:pt x="706" y="418"/>
                  </a:cubicBezTo>
                  <a:cubicBezTo>
                    <a:pt x="706" y="430"/>
                    <a:pt x="702" y="441"/>
                    <a:pt x="693" y="450"/>
                  </a:cubicBezTo>
                  <a:cubicBezTo>
                    <a:pt x="443" y="695"/>
                    <a:pt x="443" y="695"/>
                    <a:pt x="443" y="695"/>
                  </a:cubicBezTo>
                  <a:lnTo>
                    <a:pt x="339" y="591"/>
                  </a:lnTo>
                  <a:close/>
                  <a:moveTo>
                    <a:pt x="310" y="619"/>
                  </a:moveTo>
                  <a:cubicBezTo>
                    <a:pt x="270" y="658"/>
                    <a:pt x="270" y="658"/>
                    <a:pt x="270" y="658"/>
                  </a:cubicBezTo>
                  <a:cubicBezTo>
                    <a:pt x="232" y="782"/>
                    <a:pt x="232" y="782"/>
                    <a:pt x="232" y="782"/>
                  </a:cubicBezTo>
                  <a:cubicBezTo>
                    <a:pt x="226" y="800"/>
                    <a:pt x="226" y="800"/>
                    <a:pt x="226" y="800"/>
                  </a:cubicBezTo>
                  <a:cubicBezTo>
                    <a:pt x="377" y="760"/>
                    <a:pt x="377" y="760"/>
                    <a:pt x="377" y="760"/>
                  </a:cubicBezTo>
                  <a:cubicBezTo>
                    <a:pt x="414" y="723"/>
                    <a:pt x="414" y="723"/>
                    <a:pt x="414" y="723"/>
                  </a:cubicBezTo>
                  <a:lnTo>
                    <a:pt x="310" y="619"/>
                  </a:lnTo>
                  <a:close/>
                  <a:moveTo>
                    <a:pt x="594" y="703"/>
                  </a:moveTo>
                  <a:cubicBezTo>
                    <a:pt x="583" y="714"/>
                    <a:pt x="569" y="719"/>
                    <a:pt x="553" y="719"/>
                  </a:cubicBezTo>
                  <a:cubicBezTo>
                    <a:pt x="460" y="719"/>
                    <a:pt x="460" y="719"/>
                    <a:pt x="460" y="719"/>
                  </a:cubicBezTo>
                  <a:cubicBezTo>
                    <a:pt x="440" y="760"/>
                    <a:pt x="440" y="760"/>
                    <a:pt x="440" y="760"/>
                  </a:cubicBezTo>
                  <a:cubicBezTo>
                    <a:pt x="553" y="760"/>
                    <a:pt x="553" y="760"/>
                    <a:pt x="553" y="760"/>
                  </a:cubicBezTo>
                  <a:cubicBezTo>
                    <a:pt x="580" y="760"/>
                    <a:pt x="604" y="750"/>
                    <a:pt x="624" y="731"/>
                  </a:cubicBezTo>
                  <a:cubicBezTo>
                    <a:pt x="643" y="712"/>
                    <a:pt x="653" y="689"/>
                    <a:pt x="653" y="663"/>
                  </a:cubicBezTo>
                  <a:cubicBezTo>
                    <a:pt x="653" y="547"/>
                    <a:pt x="653" y="547"/>
                    <a:pt x="653" y="547"/>
                  </a:cubicBezTo>
                  <a:cubicBezTo>
                    <a:pt x="611" y="587"/>
                    <a:pt x="611" y="587"/>
                    <a:pt x="611" y="587"/>
                  </a:cubicBezTo>
                  <a:cubicBezTo>
                    <a:pt x="611" y="663"/>
                    <a:pt x="611" y="663"/>
                    <a:pt x="611" y="663"/>
                  </a:cubicBezTo>
                  <a:cubicBezTo>
                    <a:pt x="611" y="678"/>
                    <a:pt x="605" y="692"/>
                    <a:pt x="594" y="703"/>
                  </a:cubicBez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txBody>
            <a:bodyPr vert="horz" wrap="square" lIns="121920" tIns="60960" rIns="121920" bIns="60960" numCol="1" anchor="t" anchorCtr="0" compatLnSpc="1"/>
            <a:lstStyle/>
            <a:p>
              <a:endParaRPr lang="zh-CN" altLang="en-US" sz="2400">
                <a:solidFill>
                  <a:prstClr val="black"/>
                </a:solidFill>
                <a:cs typeface="Helvetica" panose="020B0604020202020204"/>
                <a:sym typeface="+mn-lt"/>
              </a:endParaRPr>
            </a:p>
          </p:txBody>
        </p:sp>
      </p:grpSp>
      <p:sp>
        <p:nvSpPr>
          <p:cNvPr id="5" name="矩形 4"/>
          <p:cNvSpPr/>
          <p:nvPr/>
        </p:nvSpPr>
        <p:spPr bwMode="auto">
          <a:xfrm>
            <a:off x="-102269" y="867016"/>
            <a:ext cx="1774714" cy="461604"/>
          </a:xfrm>
          <a:prstGeom prst="rect">
            <a:avLst/>
          </a:prstGeom>
          <a:noFill/>
        </p:spPr>
        <p:txBody>
          <a:bodyPr wrap="none" lIns="91375" tIns="45690" rIns="91375" bIns="45690">
            <a:spAutoFit/>
          </a:bodyPr>
          <a:lstStyle/>
          <a:p>
            <a:r>
              <a:rPr lang="en-US" altLang="zh-CN" sz="2400" b="1" dirty="0" err="1">
                <a:solidFill>
                  <a:srgbClr val="162F8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TÍNH</a:t>
            </a:r>
            <a:r>
              <a:rPr lang="en-US" altLang="zh-CN" sz="2400" b="1" dirty="0">
                <a:solidFill>
                  <a:srgbClr val="162F8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62F8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MỚI</a:t>
            </a:r>
            <a:r>
              <a:rPr lang="en-US" altLang="zh-CN" sz="2400" b="1" dirty="0">
                <a:solidFill>
                  <a:srgbClr val="162F8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endParaRPr lang="zh-CN" altLang="en-US" sz="2400" b="1" dirty="0">
              <a:solidFill>
                <a:srgbClr val="162F81"/>
              </a:solidFill>
              <a:latin typeface="Times New Roman" panose="02020603050405020304" pitchFamily="18" charset="0"/>
              <a:cs typeface="Times New Roman" panose="02020603050405020304" pitchFamily="18" charset="0"/>
              <a:sym typeface="+mn-lt"/>
            </a:endParaRPr>
          </a:p>
        </p:txBody>
      </p:sp>
      <p:sp>
        <p:nvSpPr>
          <p:cNvPr id="6" name="矩形 5"/>
          <p:cNvSpPr/>
          <p:nvPr/>
        </p:nvSpPr>
        <p:spPr>
          <a:xfrm>
            <a:off x="2625409" y="1042438"/>
            <a:ext cx="9328539" cy="646270"/>
          </a:xfrm>
          <a:prstGeom prst="rect">
            <a:avLst/>
          </a:prstGeom>
        </p:spPr>
        <p:txBody>
          <a:bodyPr wrap="square" lIns="91375" tIns="45690" rIns="91375" bIns="45690">
            <a:spAutoFit/>
          </a:bodyPr>
          <a:lstStyle/>
          <a:p>
            <a:pPr marL="342900" indent="-342900" fontAlgn="ctr">
              <a:lnSpc>
                <a:spcPct val="150000"/>
              </a:lnSpc>
              <a:buClr>
                <a:srgbClr val="FF0000"/>
              </a:buClr>
              <a:buFont typeface="Wingdings" panose="05000000000000000000" pitchFamily="2" charset="2"/>
              <a:buChar char="Ø"/>
            </a:pPr>
            <a:r>
              <a:rPr lang="en-US" sz="2400" dirty="0" err="1"/>
              <a:t>Kết</a:t>
            </a:r>
            <a:r>
              <a:rPr lang="en-US" sz="2400" dirty="0"/>
              <a:t> </a:t>
            </a:r>
            <a:r>
              <a:rPr lang="en-US" sz="2400" dirty="0" err="1"/>
              <a:t>hợp</a:t>
            </a:r>
            <a:r>
              <a:rPr lang="en-US" sz="2400" dirty="0"/>
              <a:t> </a:t>
            </a:r>
            <a:r>
              <a:rPr lang="en-US" sz="2400" dirty="0" err="1"/>
              <a:t>giữa</a:t>
            </a:r>
            <a:r>
              <a:rPr lang="en-US" sz="2400" dirty="0"/>
              <a:t> </a:t>
            </a:r>
            <a:r>
              <a:rPr lang="en-US" sz="2400" dirty="0" err="1"/>
              <a:t>bảng</a:t>
            </a:r>
            <a:r>
              <a:rPr lang="en-US" sz="2400" dirty="0"/>
              <a:t> </a:t>
            </a:r>
            <a:r>
              <a:rPr lang="en-US" sz="2400" dirty="0" err="1"/>
              <a:t>tuần</a:t>
            </a:r>
            <a:r>
              <a:rPr lang="en-US" sz="2400" dirty="0"/>
              <a:t> </a:t>
            </a:r>
            <a:r>
              <a:rPr lang="en-US" sz="2400" dirty="0" err="1"/>
              <a:t>hoàn</a:t>
            </a:r>
            <a:r>
              <a:rPr lang="en-US" sz="2400" dirty="0"/>
              <a:t> </a:t>
            </a:r>
            <a:r>
              <a:rPr lang="en-US" sz="2400" dirty="0" err="1"/>
              <a:t>truyền</a:t>
            </a:r>
            <a:r>
              <a:rPr lang="en-US" sz="2400" dirty="0"/>
              <a:t> </a:t>
            </a:r>
            <a:r>
              <a:rPr lang="en-US" sz="2400" dirty="0" err="1"/>
              <a:t>thống</a:t>
            </a:r>
            <a:r>
              <a:rPr lang="en-US" sz="2400" dirty="0"/>
              <a:t> </a:t>
            </a:r>
            <a:r>
              <a:rPr lang="en-US" sz="2400" dirty="0" err="1"/>
              <a:t>và</a:t>
            </a:r>
            <a:r>
              <a:rPr lang="en-US" sz="2400" dirty="0"/>
              <a:t> </a:t>
            </a:r>
            <a:r>
              <a:rPr lang="en-US" sz="2400" dirty="0" err="1"/>
              <a:t>công</a:t>
            </a:r>
            <a:r>
              <a:rPr lang="en-US" sz="2400" dirty="0"/>
              <a:t> </a:t>
            </a:r>
            <a:r>
              <a:rPr lang="en-US" sz="2400" dirty="0" err="1"/>
              <a:t>nghệ</a:t>
            </a:r>
            <a:r>
              <a:rPr lang="en-US" sz="2400" dirty="0"/>
              <a:t> di </a:t>
            </a:r>
            <a:r>
              <a:rPr lang="en-US" sz="2400" dirty="0" err="1"/>
              <a:t>động</a:t>
            </a:r>
            <a:endParaRPr lang="en-US" altLang="zh-CN" sz="3600" dirty="0">
              <a:solidFill>
                <a:prstClr val="black">
                  <a:lumMod val="75000"/>
                  <a:lumOff val="25000"/>
                </a:prstClr>
              </a:solidFill>
              <a:latin typeface="Times New Roman" panose="02020603050405020304" pitchFamily="18" charset="0"/>
              <a:cs typeface="Times New Roman" panose="02020603050405020304" pitchFamily="18" charset="0"/>
              <a:sym typeface="+mn-lt"/>
            </a:endParaRPr>
          </a:p>
        </p:txBody>
      </p:sp>
      <p:grpSp>
        <p:nvGrpSpPr>
          <p:cNvPr id="9" name="组合 8"/>
          <p:cNvGrpSpPr/>
          <p:nvPr/>
        </p:nvGrpSpPr>
        <p:grpSpPr>
          <a:xfrm>
            <a:off x="556191" y="4169691"/>
            <a:ext cx="1829140" cy="1829140"/>
            <a:chOff x="535383" y="3269157"/>
            <a:chExt cx="1371855" cy="1371855"/>
          </a:xfrm>
        </p:grpSpPr>
        <p:sp>
          <p:nvSpPr>
            <p:cNvPr id="10" name="椭圆 9"/>
            <p:cNvSpPr/>
            <p:nvPr/>
          </p:nvSpPr>
          <p:spPr>
            <a:xfrm>
              <a:off x="535383" y="3269157"/>
              <a:ext cx="1371855" cy="1371855"/>
            </a:xfrm>
            <a:prstGeom prst="ellipse">
              <a:avLst/>
            </a:prstGeom>
            <a:solidFill>
              <a:srgbClr val="1D425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400">
                <a:solidFill>
                  <a:prstClr val="white"/>
                </a:solidFill>
                <a:cs typeface="Helvetica" panose="020B0604020202020204"/>
                <a:sym typeface="+mn-lt"/>
              </a:endParaRPr>
            </a:p>
          </p:txBody>
        </p:sp>
        <p:grpSp>
          <p:nvGrpSpPr>
            <p:cNvPr id="11" name="Group 4"/>
            <p:cNvGrpSpPr>
              <a:grpSpLocks noChangeAspect="1"/>
            </p:cNvGrpSpPr>
            <p:nvPr/>
          </p:nvGrpSpPr>
          <p:grpSpPr bwMode="auto">
            <a:xfrm>
              <a:off x="797448" y="3589959"/>
              <a:ext cx="847725" cy="730251"/>
              <a:chOff x="496" y="2274"/>
              <a:chExt cx="534" cy="460"/>
            </a:xfrm>
            <a:solidFill>
              <a:schemeClr val="bg1"/>
            </a:solidFill>
          </p:grpSpPr>
          <p:sp>
            <p:nvSpPr>
              <p:cNvPr id="12" name="Freeform 5"/>
              <p:cNvSpPr/>
              <p:nvPr/>
            </p:nvSpPr>
            <p:spPr bwMode="auto">
              <a:xfrm>
                <a:off x="578" y="2274"/>
                <a:ext cx="355" cy="228"/>
              </a:xfrm>
              <a:custGeom>
                <a:avLst/>
                <a:gdLst>
                  <a:gd name="T0" fmla="*/ 355 w 355"/>
                  <a:gd name="T1" fmla="*/ 228 h 228"/>
                  <a:gd name="T2" fmla="*/ 195 w 355"/>
                  <a:gd name="T3" fmla="*/ 228 h 228"/>
                  <a:gd name="T4" fmla="*/ 195 w 355"/>
                  <a:gd name="T5" fmla="*/ 130 h 228"/>
                  <a:gd name="T6" fmla="*/ 173 w 355"/>
                  <a:gd name="T7" fmla="*/ 130 h 228"/>
                  <a:gd name="T8" fmla="*/ 173 w 355"/>
                  <a:gd name="T9" fmla="*/ 228 h 228"/>
                  <a:gd name="T10" fmla="*/ 0 w 355"/>
                  <a:gd name="T11" fmla="*/ 228 h 228"/>
                  <a:gd name="T12" fmla="*/ 0 w 355"/>
                  <a:gd name="T13" fmla="*/ 121 h 228"/>
                  <a:gd name="T14" fmla="*/ 1 w 355"/>
                  <a:gd name="T15" fmla="*/ 120 h 228"/>
                  <a:gd name="T16" fmla="*/ 79 w 355"/>
                  <a:gd name="T17" fmla="*/ 0 h 228"/>
                  <a:gd name="T18" fmla="*/ 102 w 355"/>
                  <a:gd name="T19" fmla="*/ 3 h 228"/>
                  <a:gd name="T20" fmla="*/ 25 w 355"/>
                  <a:gd name="T21" fmla="*/ 123 h 228"/>
                  <a:gd name="T22" fmla="*/ 25 w 355"/>
                  <a:gd name="T23" fmla="*/ 205 h 228"/>
                  <a:gd name="T24" fmla="*/ 149 w 355"/>
                  <a:gd name="T25" fmla="*/ 205 h 228"/>
                  <a:gd name="T26" fmla="*/ 149 w 355"/>
                  <a:gd name="T27" fmla="*/ 120 h 228"/>
                  <a:gd name="T28" fmla="*/ 219 w 355"/>
                  <a:gd name="T29" fmla="*/ 120 h 228"/>
                  <a:gd name="T30" fmla="*/ 219 w 355"/>
                  <a:gd name="T31" fmla="*/ 205 h 228"/>
                  <a:gd name="T32" fmla="*/ 331 w 355"/>
                  <a:gd name="T33" fmla="*/ 205 h 228"/>
                  <a:gd name="T34" fmla="*/ 331 w 355"/>
                  <a:gd name="T35" fmla="*/ 123 h 228"/>
                  <a:gd name="T36" fmla="*/ 262 w 355"/>
                  <a:gd name="T37" fmla="*/ 3 h 228"/>
                  <a:gd name="T38" fmla="*/ 285 w 355"/>
                  <a:gd name="T39" fmla="*/ 1 h 228"/>
                  <a:gd name="T40" fmla="*/ 355 w 355"/>
                  <a:gd name="T41" fmla="*/ 122 h 228"/>
                  <a:gd name="T42" fmla="*/ 355 w 355"/>
                  <a:gd name="T43" fmla="*/ 228 h 22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</a:cxnLst>
                <a:rect l="0" t="0" r="r" b="b"/>
                <a:pathLst>
                  <a:path w="355" h="228">
                    <a:moveTo>
                      <a:pt x="355" y="228"/>
                    </a:moveTo>
                    <a:lnTo>
                      <a:pt x="195" y="228"/>
                    </a:lnTo>
                    <a:lnTo>
                      <a:pt x="195" y="130"/>
                    </a:lnTo>
                    <a:lnTo>
                      <a:pt x="173" y="130"/>
                    </a:lnTo>
                    <a:lnTo>
                      <a:pt x="173" y="228"/>
                    </a:lnTo>
                    <a:lnTo>
                      <a:pt x="0" y="228"/>
                    </a:lnTo>
                    <a:lnTo>
                      <a:pt x="0" y="121"/>
                    </a:lnTo>
                    <a:lnTo>
                      <a:pt x="1" y="120"/>
                    </a:lnTo>
                    <a:lnTo>
                      <a:pt x="79" y="0"/>
                    </a:lnTo>
                    <a:lnTo>
                      <a:pt x="102" y="3"/>
                    </a:lnTo>
                    <a:lnTo>
                      <a:pt x="25" y="123"/>
                    </a:lnTo>
                    <a:lnTo>
                      <a:pt x="25" y="205"/>
                    </a:lnTo>
                    <a:lnTo>
                      <a:pt x="149" y="205"/>
                    </a:lnTo>
                    <a:lnTo>
                      <a:pt x="149" y="120"/>
                    </a:lnTo>
                    <a:lnTo>
                      <a:pt x="219" y="120"/>
                    </a:lnTo>
                    <a:lnTo>
                      <a:pt x="219" y="205"/>
                    </a:lnTo>
                    <a:lnTo>
                      <a:pt x="331" y="205"/>
                    </a:lnTo>
                    <a:lnTo>
                      <a:pt x="331" y="123"/>
                    </a:lnTo>
                    <a:lnTo>
                      <a:pt x="262" y="3"/>
                    </a:lnTo>
                    <a:lnTo>
                      <a:pt x="285" y="1"/>
                    </a:lnTo>
                    <a:lnTo>
                      <a:pt x="355" y="122"/>
                    </a:lnTo>
                    <a:lnTo>
                      <a:pt x="355" y="228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</a14:hiddenLine>
                </a:ext>
              </a:extLst>
            </p:spPr>
            <p:txBody>
              <a:bodyPr vert="horz" wrap="square" lIns="121920" tIns="60960" rIns="121920" bIns="60960" numCol="1" anchor="t" anchorCtr="0" compatLnSpc="1"/>
              <a:lstStyle/>
              <a:p>
                <a:endParaRPr lang="zh-CN" altLang="en-US" sz="2400">
                  <a:solidFill>
                    <a:prstClr val="black"/>
                  </a:solidFill>
                  <a:cs typeface="Helvetica" panose="020B0604020202020204"/>
                  <a:sym typeface="+mn-lt"/>
                </a:endParaRPr>
              </a:p>
            </p:txBody>
          </p:sp>
          <p:sp>
            <p:nvSpPr>
              <p:cNvPr id="13" name="Freeform 6"/>
              <p:cNvSpPr>
                <a:spLocks noEditPoints="1"/>
              </p:cNvSpPr>
              <p:nvPr/>
            </p:nvSpPr>
            <p:spPr bwMode="auto">
              <a:xfrm>
                <a:off x="496" y="2533"/>
                <a:ext cx="534" cy="201"/>
              </a:xfrm>
              <a:custGeom>
                <a:avLst/>
                <a:gdLst>
                  <a:gd name="T0" fmla="*/ 534 w 534"/>
                  <a:gd name="T1" fmla="*/ 201 h 201"/>
                  <a:gd name="T2" fmla="*/ 0 w 534"/>
                  <a:gd name="T3" fmla="*/ 201 h 201"/>
                  <a:gd name="T4" fmla="*/ 0 w 534"/>
                  <a:gd name="T5" fmla="*/ 0 h 201"/>
                  <a:gd name="T6" fmla="*/ 534 w 534"/>
                  <a:gd name="T7" fmla="*/ 0 h 201"/>
                  <a:gd name="T8" fmla="*/ 514 w 534"/>
                  <a:gd name="T9" fmla="*/ 99 h 201"/>
                  <a:gd name="T10" fmla="*/ 534 w 534"/>
                  <a:gd name="T11" fmla="*/ 201 h 201"/>
                  <a:gd name="T12" fmla="*/ 24 w 534"/>
                  <a:gd name="T13" fmla="*/ 176 h 201"/>
                  <a:gd name="T14" fmla="*/ 508 w 534"/>
                  <a:gd name="T15" fmla="*/ 176 h 201"/>
                  <a:gd name="T16" fmla="*/ 491 w 534"/>
                  <a:gd name="T17" fmla="*/ 112 h 201"/>
                  <a:gd name="T18" fmla="*/ 117 w 534"/>
                  <a:gd name="T19" fmla="*/ 112 h 201"/>
                  <a:gd name="T20" fmla="*/ 117 w 534"/>
                  <a:gd name="T21" fmla="*/ 87 h 201"/>
                  <a:gd name="T22" fmla="*/ 491 w 534"/>
                  <a:gd name="T23" fmla="*/ 87 h 201"/>
                  <a:gd name="T24" fmla="*/ 508 w 534"/>
                  <a:gd name="T25" fmla="*/ 23 h 201"/>
                  <a:gd name="T26" fmla="*/ 24 w 534"/>
                  <a:gd name="T27" fmla="*/ 23 h 201"/>
                  <a:gd name="T28" fmla="*/ 24 w 534"/>
                  <a:gd name="T29" fmla="*/ 176 h 201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</a:cxnLst>
                <a:rect l="0" t="0" r="r" b="b"/>
                <a:pathLst>
                  <a:path w="534" h="201">
                    <a:moveTo>
                      <a:pt x="534" y="201"/>
                    </a:moveTo>
                    <a:lnTo>
                      <a:pt x="0" y="201"/>
                    </a:lnTo>
                    <a:lnTo>
                      <a:pt x="0" y="0"/>
                    </a:lnTo>
                    <a:lnTo>
                      <a:pt x="534" y="0"/>
                    </a:lnTo>
                    <a:lnTo>
                      <a:pt x="514" y="99"/>
                    </a:lnTo>
                    <a:lnTo>
                      <a:pt x="534" y="201"/>
                    </a:lnTo>
                    <a:close/>
                    <a:moveTo>
                      <a:pt x="24" y="176"/>
                    </a:moveTo>
                    <a:lnTo>
                      <a:pt x="508" y="176"/>
                    </a:lnTo>
                    <a:lnTo>
                      <a:pt x="491" y="112"/>
                    </a:lnTo>
                    <a:lnTo>
                      <a:pt x="117" y="112"/>
                    </a:lnTo>
                    <a:lnTo>
                      <a:pt x="117" y="87"/>
                    </a:lnTo>
                    <a:lnTo>
                      <a:pt x="491" y="87"/>
                    </a:lnTo>
                    <a:lnTo>
                      <a:pt x="508" y="23"/>
                    </a:lnTo>
                    <a:lnTo>
                      <a:pt x="24" y="23"/>
                    </a:lnTo>
                    <a:lnTo>
                      <a:pt x="24" y="176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</a14:hiddenLine>
                </a:ext>
              </a:extLst>
            </p:spPr>
            <p:txBody>
              <a:bodyPr vert="horz" wrap="square" lIns="121920" tIns="60960" rIns="121920" bIns="60960" numCol="1" anchor="t" anchorCtr="0" compatLnSpc="1"/>
              <a:lstStyle/>
              <a:p>
                <a:endParaRPr lang="zh-CN" altLang="en-US" sz="2400">
                  <a:solidFill>
                    <a:prstClr val="black"/>
                  </a:solidFill>
                  <a:cs typeface="Helvetica" panose="020B0604020202020204"/>
                  <a:sym typeface="+mn-lt"/>
                </a:endParaRPr>
              </a:p>
            </p:txBody>
          </p:sp>
          <p:sp>
            <p:nvSpPr>
              <p:cNvPr id="14" name="Rectangle 7"/>
              <p:cNvSpPr>
                <a:spLocks noChangeArrowheads="1"/>
              </p:cNvSpPr>
              <p:nvPr/>
            </p:nvSpPr>
            <p:spPr bwMode="auto">
              <a:xfrm>
                <a:off x="593" y="2394"/>
                <a:ext cx="326" cy="24"/>
              </a:xfrm>
              <a:prstGeom prst="rect">
                <a:avLst/>
              </a:pr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vert="horz" wrap="square" lIns="121920" tIns="60960" rIns="121920" bIns="60960" numCol="1" anchor="t" anchorCtr="0" compatLnSpc="1"/>
              <a:lstStyle/>
              <a:p>
                <a:endParaRPr lang="zh-CN" altLang="en-US" sz="2400">
                  <a:solidFill>
                    <a:prstClr val="black"/>
                  </a:solidFill>
                  <a:cs typeface="Helvetica" panose="020B0604020202020204"/>
                  <a:sym typeface="+mn-lt"/>
                </a:endParaRPr>
              </a:p>
            </p:txBody>
          </p:sp>
        </p:grpSp>
      </p:grpSp>
      <p:sp>
        <p:nvSpPr>
          <p:cNvPr id="15" name="矩形 14"/>
          <p:cNvSpPr/>
          <p:nvPr/>
        </p:nvSpPr>
        <p:spPr bwMode="auto">
          <a:xfrm>
            <a:off x="2" y="3710166"/>
            <a:ext cx="3344887" cy="461604"/>
          </a:xfrm>
          <a:prstGeom prst="rect">
            <a:avLst/>
          </a:prstGeom>
          <a:noFill/>
        </p:spPr>
        <p:txBody>
          <a:bodyPr wrap="none" lIns="91375" tIns="45690" rIns="91375" bIns="45690">
            <a:spAutoFit/>
          </a:bodyPr>
          <a:lstStyle/>
          <a:p>
            <a:r>
              <a:rPr lang="en-US" altLang="zh-CN" sz="2400" b="1" dirty="0" err="1">
                <a:solidFill>
                  <a:srgbClr val="1D4251"/>
                </a:solidFill>
                <a:cs typeface="Helvetica" panose="020B0604020202020204"/>
                <a:sym typeface="+mn-lt"/>
              </a:rPr>
              <a:t>KHẢ</a:t>
            </a:r>
            <a:r>
              <a:rPr lang="en-US" altLang="zh-CN" sz="2400" b="1" dirty="0">
                <a:solidFill>
                  <a:srgbClr val="1D4251"/>
                </a:solidFill>
                <a:cs typeface="Helvetica" panose="020B0604020202020204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Helvetica" panose="020B0604020202020204"/>
                <a:sym typeface="+mn-lt"/>
              </a:rPr>
              <a:t>NĂNG</a:t>
            </a:r>
            <a:r>
              <a:rPr lang="en-US" altLang="zh-CN" sz="2400" b="1" dirty="0">
                <a:solidFill>
                  <a:srgbClr val="1D4251"/>
                </a:solidFill>
                <a:cs typeface="Helvetica" panose="020B0604020202020204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Helvetica" panose="020B0604020202020204"/>
                <a:sym typeface="+mn-lt"/>
              </a:rPr>
              <a:t>ÁP</a:t>
            </a:r>
            <a:r>
              <a:rPr lang="en-US" altLang="zh-CN" sz="2400" b="1" dirty="0">
                <a:solidFill>
                  <a:srgbClr val="1D4251"/>
                </a:solidFill>
                <a:cs typeface="Helvetica" panose="020B0604020202020204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Helvetica" panose="020B0604020202020204"/>
                <a:sym typeface="+mn-lt"/>
              </a:rPr>
              <a:t>DỤNG</a:t>
            </a:r>
            <a:endParaRPr lang="zh-CN" altLang="en-US" sz="2400" b="1" dirty="0">
              <a:solidFill>
                <a:srgbClr val="1D4251"/>
              </a:solidFill>
              <a:cs typeface="Helvetica" panose="020B0604020202020204"/>
              <a:sym typeface="+mn-lt"/>
            </a:endParaRPr>
          </a:p>
        </p:txBody>
      </p:sp>
      <p:sp>
        <p:nvSpPr>
          <p:cNvPr id="16" name="矩形 15"/>
          <p:cNvSpPr/>
          <p:nvPr/>
        </p:nvSpPr>
        <p:spPr>
          <a:xfrm>
            <a:off x="2558898" y="4072373"/>
            <a:ext cx="9652566" cy="3139260"/>
          </a:xfrm>
          <a:prstGeom prst="rect">
            <a:avLst/>
          </a:prstGeom>
        </p:spPr>
        <p:txBody>
          <a:bodyPr wrap="square" lIns="91375" tIns="45690" rIns="91375" bIns="45690">
            <a:spAutoFit/>
          </a:bodyPr>
          <a:lstStyle/>
          <a:p>
            <a:pPr marL="342900" indent="-342900" algn="just" fontAlgn="ctr">
              <a:lnSpc>
                <a:spcPct val="150000"/>
              </a:lnSpc>
              <a:buClr>
                <a:srgbClr val="FF0000"/>
              </a:buClr>
              <a:buFont typeface="Wingdings" panose="05000000000000000000" pitchFamily="2" charset="2"/>
              <a:buChar char="q"/>
            </a:pPr>
            <a:r>
              <a:rPr lang="en-US" sz="2400" dirty="0" err="1"/>
              <a:t>Ứng</a:t>
            </a:r>
            <a:r>
              <a:rPr lang="en-US" sz="2400" dirty="0"/>
              <a:t> </a:t>
            </a:r>
            <a:r>
              <a:rPr lang="en-US" sz="2400" dirty="0" err="1"/>
              <a:t>dụng</a:t>
            </a:r>
            <a:r>
              <a:rPr lang="en-US" sz="2400" dirty="0"/>
              <a:t> </a:t>
            </a:r>
            <a:r>
              <a:rPr lang="en-US" sz="2400" dirty="0" err="1"/>
              <a:t>Bảng</a:t>
            </a:r>
            <a:r>
              <a:rPr lang="en-US" sz="2400" dirty="0"/>
              <a:t> </a:t>
            </a:r>
            <a:r>
              <a:rPr lang="en-US" sz="2400" dirty="0" err="1"/>
              <a:t>tuần</a:t>
            </a:r>
            <a:r>
              <a:rPr lang="en-US" sz="2400" dirty="0"/>
              <a:t> </a:t>
            </a:r>
            <a:r>
              <a:rPr lang="en-US" sz="2400" dirty="0" err="1"/>
              <a:t>hoàn</a:t>
            </a:r>
            <a:r>
              <a:rPr lang="en-US" sz="2400" dirty="0"/>
              <a:t> </a:t>
            </a:r>
            <a:r>
              <a:rPr lang="en-US" sz="2400" dirty="0" err="1"/>
              <a:t>thông</a:t>
            </a:r>
            <a:r>
              <a:rPr lang="en-US" sz="2400" dirty="0"/>
              <a:t> </a:t>
            </a:r>
            <a:r>
              <a:rPr lang="en-US" sz="2400" dirty="0" err="1"/>
              <a:t>minh</a:t>
            </a:r>
            <a:r>
              <a:rPr lang="en-US" sz="2400" dirty="0"/>
              <a:t> </a:t>
            </a:r>
            <a:r>
              <a:rPr lang="en-US" sz="2400" dirty="0" err="1"/>
              <a:t>có</a:t>
            </a:r>
            <a:r>
              <a:rPr lang="en-US" sz="2400" dirty="0"/>
              <a:t> </a:t>
            </a:r>
            <a:r>
              <a:rPr lang="en-US" sz="2400" dirty="0" err="1"/>
              <a:t>khả</a:t>
            </a:r>
            <a:r>
              <a:rPr lang="en-US" sz="2400" dirty="0"/>
              <a:t> </a:t>
            </a:r>
            <a:r>
              <a:rPr lang="en-US" sz="2400" dirty="0" err="1"/>
              <a:t>năng</a:t>
            </a:r>
            <a:r>
              <a:rPr lang="en-US" sz="2400" dirty="0"/>
              <a:t> </a:t>
            </a:r>
            <a:r>
              <a:rPr lang="en-US" sz="2400" dirty="0" err="1"/>
              <a:t>áp</a:t>
            </a:r>
            <a:r>
              <a:rPr lang="en-US" sz="2400" dirty="0"/>
              <a:t> </a:t>
            </a:r>
            <a:r>
              <a:rPr lang="en-US" sz="2400" dirty="0" err="1"/>
              <a:t>dụng</a:t>
            </a:r>
            <a:r>
              <a:rPr lang="en-US" sz="2400" dirty="0"/>
              <a:t> </a:t>
            </a:r>
            <a:r>
              <a:rPr lang="en-US" sz="2400" dirty="0" err="1"/>
              <a:t>rộng</a:t>
            </a:r>
            <a:r>
              <a:rPr lang="en-US" sz="2400" dirty="0"/>
              <a:t> </a:t>
            </a:r>
            <a:r>
              <a:rPr lang="en-US" sz="2400" dirty="0" err="1"/>
              <a:t>rãi</a:t>
            </a:r>
            <a:r>
              <a:rPr lang="en-US" sz="2400" dirty="0"/>
              <a:t> </a:t>
            </a:r>
            <a:r>
              <a:rPr lang="en-US" sz="2400" dirty="0" err="1"/>
              <a:t>vào</a:t>
            </a:r>
            <a:r>
              <a:rPr lang="en-US" sz="2400" dirty="0"/>
              <a:t> </a:t>
            </a:r>
            <a:r>
              <a:rPr lang="en-US" sz="2400" dirty="0" err="1"/>
              <a:t>môi</a:t>
            </a:r>
            <a:r>
              <a:rPr lang="en-US" sz="2400" dirty="0"/>
              <a:t> </a:t>
            </a:r>
            <a:r>
              <a:rPr lang="en-US" sz="2400" dirty="0" err="1"/>
              <a:t>trường</a:t>
            </a:r>
            <a:r>
              <a:rPr lang="en-US" sz="2400" dirty="0"/>
              <a:t> </a:t>
            </a:r>
            <a:r>
              <a:rPr lang="en-US" sz="2400" dirty="0" err="1"/>
              <a:t>giáo</a:t>
            </a:r>
            <a:r>
              <a:rPr lang="en-US" sz="2400" dirty="0"/>
              <a:t> </a:t>
            </a:r>
            <a:r>
              <a:rPr lang="en-US" sz="2400" dirty="0" err="1"/>
              <a:t>dục</a:t>
            </a:r>
            <a:r>
              <a:rPr lang="en-US" sz="2400" dirty="0"/>
              <a:t>. </a:t>
            </a:r>
            <a:r>
              <a:rPr lang="en-US" sz="2400" dirty="0" err="1"/>
              <a:t>Không</a:t>
            </a:r>
            <a:r>
              <a:rPr lang="en-US" sz="2400" dirty="0"/>
              <a:t> </a:t>
            </a:r>
            <a:r>
              <a:rPr lang="en-US" sz="2400" dirty="0" err="1"/>
              <a:t>chỉ</a:t>
            </a:r>
            <a:r>
              <a:rPr lang="en-US" sz="2400" dirty="0"/>
              <a:t> </a:t>
            </a:r>
            <a:r>
              <a:rPr lang="en-US" sz="2400" dirty="0" err="1"/>
              <a:t>học</a:t>
            </a:r>
            <a:r>
              <a:rPr lang="en-US" sz="2400" dirty="0"/>
              <a:t> </a:t>
            </a:r>
            <a:r>
              <a:rPr lang="en-US" sz="2400" dirty="0" err="1"/>
              <a:t>tập</a:t>
            </a:r>
            <a:r>
              <a:rPr lang="en-US" sz="2400" dirty="0"/>
              <a:t> ở </a:t>
            </a:r>
            <a:r>
              <a:rPr lang="en-US" sz="2400" dirty="0" err="1"/>
              <a:t>trên</a:t>
            </a:r>
            <a:r>
              <a:rPr lang="en-US" sz="2400" dirty="0"/>
              <a:t> </a:t>
            </a:r>
            <a:r>
              <a:rPr lang="en-US" sz="2400" dirty="0" err="1"/>
              <a:t>lớp</a:t>
            </a:r>
            <a:r>
              <a:rPr lang="en-US" sz="2400" dirty="0"/>
              <a:t>, </a:t>
            </a:r>
            <a:r>
              <a:rPr lang="en-US" sz="2400" dirty="0" err="1"/>
              <a:t>ứng</a:t>
            </a:r>
            <a:r>
              <a:rPr lang="en-US" sz="2400" dirty="0"/>
              <a:t> </a:t>
            </a:r>
            <a:r>
              <a:rPr lang="en-US" sz="2400" dirty="0" err="1"/>
              <a:t>dụng</a:t>
            </a:r>
            <a:r>
              <a:rPr lang="en-US" sz="2400" dirty="0"/>
              <a:t> </a:t>
            </a:r>
            <a:r>
              <a:rPr lang="en-US" sz="2400" dirty="0" err="1"/>
              <a:t>là</a:t>
            </a:r>
            <a:r>
              <a:rPr lang="en-US" sz="2400" dirty="0"/>
              <a:t> </a:t>
            </a:r>
            <a:r>
              <a:rPr lang="en-US" sz="2400" dirty="0" err="1"/>
              <a:t>một</a:t>
            </a:r>
            <a:r>
              <a:rPr lang="en-US" sz="2400" dirty="0"/>
              <a:t> </a:t>
            </a:r>
            <a:r>
              <a:rPr lang="en-US" sz="2400" dirty="0" err="1"/>
              <a:t>công</a:t>
            </a:r>
            <a:r>
              <a:rPr lang="en-US" sz="2400" dirty="0"/>
              <a:t> </a:t>
            </a:r>
            <a:r>
              <a:rPr lang="en-US" sz="2400" dirty="0" err="1"/>
              <a:t>cụ</a:t>
            </a:r>
            <a:r>
              <a:rPr lang="en-US" sz="2400" dirty="0"/>
              <a:t> </a:t>
            </a:r>
            <a:r>
              <a:rPr lang="en-US" sz="2400" dirty="0" err="1"/>
              <a:t>hữu</a:t>
            </a:r>
            <a:r>
              <a:rPr lang="en-US" sz="2400" dirty="0"/>
              <a:t> </a:t>
            </a:r>
            <a:r>
              <a:rPr lang="en-US" sz="2400" dirty="0" err="1"/>
              <a:t>ích</a:t>
            </a:r>
            <a:r>
              <a:rPr lang="en-US" sz="2400" dirty="0"/>
              <a:t> </a:t>
            </a:r>
            <a:r>
              <a:rPr lang="en-US" sz="2400" dirty="0" err="1"/>
              <a:t>để</a:t>
            </a:r>
            <a:r>
              <a:rPr lang="en-US" sz="2400" dirty="0"/>
              <a:t> </a:t>
            </a:r>
            <a:r>
              <a:rPr lang="en-US" sz="2400" dirty="0" err="1"/>
              <a:t>các</a:t>
            </a:r>
            <a:r>
              <a:rPr lang="en-US" sz="2400" dirty="0"/>
              <a:t> </a:t>
            </a:r>
            <a:r>
              <a:rPr lang="en-US" sz="2400" dirty="0" err="1"/>
              <a:t>bạn</a:t>
            </a:r>
            <a:r>
              <a:rPr lang="en-US" sz="2400" dirty="0"/>
              <a:t> </a:t>
            </a:r>
            <a:r>
              <a:rPr lang="en-US" sz="2400" dirty="0" err="1"/>
              <a:t>học</a:t>
            </a:r>
            <a:r>
              <a:rPr lang="en-US" sz="2400" dirty="0"/>
              <a:t> </a:t>
            </a:r>
            <a:r>
              <a:rPr lang="en-US" sz="2400" dirty="0" err="1"/>
              <a:t>sinh</a:t>
            </a:r>
            <a:r>
              <a:rPr lang="en-US" sz="2400" dirty="0"/>
              <a:t> </a:t>
            </a:r>
            <a:r>
              <a:rPr lang="en-US" sz="2400" dirty="0" err="1"/>
              <a:t>tự</a:t>
            </a:r>
            <a:r>
              <a:rPr lang="en-US" sz="2400" dirty="0"/>
              <a:t> </a:t>
            </a:r>
            <a:r>
              <a:rPr lang="en-US" sz="2400" dirty="0" err="1"/>
              <a:t>học</a:t>
            </a:r>
            <a:r>
              <a:rPr lang="en-US" sz="2400" dirty="0"/>
              <a:t> </a:t>
            </a:r>
            <a:r>
              <a:rPr lang="en-US" sz="2400" dirty="0" err="1"/>
              <a:t>mọi</a:t>
            </a:r>
            <a:r>
              <a:rPr lang="en-US" sz="2400" dirty="0"/>
              <a:t> </a:t>
            </a:r>
            <a:r>
              <a:rPr lang="en-US" sz="2400" dirty="0" err="1"/>
              <a:t>lúc</a:t>
            </a:r>
            <a:r>
              <a:rPr lang="en-US" sz="2400" dirty="0"/>
              <a:t> </a:t>
            </a:r>
            <a:r>
              <a:rPr lang="en-US" sz="2400" dirty="0" err="1"/>
              <a:t>mọi</a:t>
            </a:r>
            <a:r>
              <a:rPr lang="en-US" sz="2400" dirty="0"/>
              <a:t> </a:t>
            </a:r>
            <a:r>
              <a:rPr lang="en-US" sz="2400" dirty="0" err="1"/>
              <a:t>nơi</a:t>
            </a:r>
            <a:r>
              <a:rPr lang="en-US" sz="2400" dirty="0"/>
              <a:t>.</a:t>
            </a:r>
            <a:endParaRPr lang="en-US" sz="2400" dirty="0"/>
          </a:p>
          <a:p>
            <a:pPr fontAlgn="ctr">
              <a:lnSpc>
                <a:spcPct val="150000"/>
              </a:lnSpc>
            </a:pPr>
            <a:endParaRPr lang="en-US" altLang="zh-CN" sz="3600" dirty="0">
              <a:solidFill>
                <a:prstClr val="black">
                  <a:lumMod val="75000"/>
                  <a:lumOff val="25000"/>
                </a:prstClr>
              </a:solidFill>
              <a:latin typeface="Times New Roman" panose="02020603050405020304" pitchFamily="18" charset="0"/>
              <a:cs typeface="Times New Roman" panose="02020603050405020304" pitchFamily="18" charset="0"/>
              <a:sym typeface="+mn-lt"/>
            </a:endParaRPr>
          </a:p>
        </p:txBody>
      </p:sp>
      <p:pic>
        <p:nvPicPr>
          <p:cNvPr id="5124" name="Picture 31"/>
          <p:cNvPicPr>
            <a:picLocks noChangeAspect="1"/>
          </p:cNvPicPr>
          <p:nvPr/>
        </p:nvPicPr>
        <p:blipFill>
          <a:blip r:embed="rId1"/>
          <a:srcRect/>
          <a:stretch>
            <a:fillRect/>
          </a:stretch>
        </p:blipFill>
        <p:spPr bwMode="auto">
          <a:xfrm>
            <a:off x="11353800" y="9274"/>
            <a:ext cx="838200" cy="17638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7" name="矩形 5"/>
          <p:cNvSpPr/>
          <p:nvPr/>
        </p:nvSpPr>
        <p:spPr>
          <a:xfrm>
            <a:off x="2625408" y="1537329"/>
            <a:ext cx="9328539" cy="646270"/>
          </a:xfrm>
          <a:prstGeom prst="rect">
            <a:avLst/>
          </a:prstGeom>
        </p:spPr>
        <p:txBody>
          <a:bodyPr wrap="square" lIns="91375" tIns="45690" rIns="91375" bIns="45690">
            <a:spAutoFit/>
          </a:bodyPr>
          <a:lstStyle/>
          <a:p>
            <a:pPr marL="342900" indent="-342900" fontAlgn="ctr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en-US" sz="2400" dirty="0" err="1"/>
              <a:t>Phần</a:t>
            </a:r>
            <a:r>
              <a:rPr lang="en-US" sz="2400" dirty="0"/>
              <a:t> </a:t>
            </a:r>
            <a:r>
              <a:rPr lang="en-US" sz="2400" dirty="0" err="1"/>
              <a:t>câu</a:t>
            </a:r>
            <a:r>
              <a:rPr lang="en-US" sz="2400" dirty="0"/>
              <a:t> </a:t>
            </a:r>
            <a:r>
              <a:rPr lang="en-US" sz="2400" dirty="0" err="1"/>
              <a:t>hỏi</a:t>
            </a:r>
            <a:r>
              <a:rPr lang="en-US" sz="2400" dirty="0"/>
              <a:t> </a:t>
            </a:r>
            <a:r>
              <a:rPr lang="en-US" sz="2400" dirty="0" err="1"/>
              <a:t>trắc</a:t>
            </a:r>
            <a:r>
              <a:rPr lang="en-US" sz="2400" dirty="0"/>
              <a:t> </a:t>
            </a:r>
            <a:r>
              <a:rPr lang="en-US" sz="2400" dirty="0" err="1"/>
              <a:t>nghiệm</a:t>
            </a:r>
            <a:r>
              <a:rPr lang="en-US" sz="2400" dirty="0"/>
              <a:t> </a:t>
            </a:r>
            <a:r>
              <a:rPr lang="en-US" sz="2400" dirty="0" err="1"/>
              <a:t>học</a:t>
            </a:r>
            <a:r>
              <a:rPr lang="en-US" sz="2400" dirty="0"/>
              <a:t> </a:t>
            </a:r>
            <a:r>
              <a:rPr lang="en-US" sz="2400" dirty="0" err="1"/>
              <a:t>tập</a:t>
            </a:r>
            <a:r>
              <a:rPr lang="en-US" sz="2400" dirty="0"/>
              <a:t> </a:t>
            </a:r>
            <a:r>
              <a:rPr lang="en-US" sz="2400" dirty="0" err="1"/>
              <a:t>tạo</a:t>
            </a:r>
            <a:r>
              <a:rPr lang="en-US" sz="2400" dirty="0"/>
              <a:t> </a:t>
            </a:r>
            <a:r>
              <a:rPr lang="en-US" sz="2400" dirty="0" err="1"/>
              <a:t>hứng</a:t>
            </a:r>
            <a:r>
              <a:rPr lang="en-US" sz="2400" dirty="0"/>
              <a:t> </a:t>
            </a:r>
            <a:r>
              <a:rPr lang="en-US" sz="2400" dirty="0" err="1"/>
              <a:t>thú</a:t>
            </a:r>
            <a:r>
              <a:rPr lang="en-US" sz="2400" dirty="0"/>
              <a:t> </a:t>
            </a:r>
            <a:r>
              <a:rPr lang="en-US" sz="2400" dirty="0" err="1"/>
              <a:t>cho</a:t>
            </a:r>
            <a:r>
              <a:rPr lang="en-US" sz="2400" dirty="0"/>
              <a:t> Hs</a:t>
            </a:r>
            <a:endParaRPr lang="en-US" altLang="zh-CN" sz="3600" dirty="0">
              <a:solidFill>
                <a:prstClr val="black">
                  <a:lumMod val="75000"/>
                  <a:lumOff val="25000"/>
                </a:prstClr>
              </a:solidFill>
              <a:latin typeface="Times New Roman" panose="02020603050405020304" pitchFamily="18" charset="0"/>
              <a:cs typeface="Times New Roman" panose="02020603050405020304" pitchFamily="18" charset="0"/>
              <a:sym typeface="+mn-lt"/>
            </a:endParaRPr>
          </a:p>
        </p:txBody>
      </p:sp>
      <p:sp>
        <p:nvSpPr>
          <p:cNvPr id="8" name="矩形 5"/>
          <p:cNvSpPr/>
          <p:nvPr/>
        </p:nvSpPr>
        <p:spPr>
          <a:xfrm>
            <a:off x="2625408" y="2075602"/>
            <a:ext cx="9328539" cy="646270"/>
          </a:xfrm>
          <a:prstGeom prst="rect">
            <a:avLst/>
          </a:prstGeom>
        </p:spPr>
        <p:txBody>
          <a:bodyPr wrap="square" lIns="91375" tIns="45690" rIns="91375" bIns="45690">
            <a:spAutoFit/>
          </a:bodyPr>
          <a:lstStyle/>
          <a:p>
            <a:pPr marL="342900" indent="-342900" fontAlgn="ctr">
              <a:lnSpc>
                <a:spcPct val="150000"/>
              </a:lnSpc>
              <a:buClr>
                <a:srgbClr val="2106C2"/>
              </a:buClr>
              <a:buFont typeface="Wingdings" panose="05000000000000000000" pitchFamily="2" charset="2"/>
              <a:buChar char="Ø"/>
            </a:pPr>
            <a:r>
              <a:rPr lang="en-US" sz="2400" dirty="0" err="1"/>
              <a:t>Thúc</a:t>
            </a:r>
            <a:r>
              <a:rPr lang="en-US" sz="2400" dirty="0"/>
              <a:t> </a:t>
            </a:r>
            <a:r>
              <a:rPr lang="en-US" sz="2400" dirty="0" err="1"/>
              <a:t>đẩy</a:t>
            </a:r>
            <a:r>
              <a:rPr lang="en-US" sz="2400" dirty="0"/>
              <a:t> </a:t>
            </a:r>
            <a:r>
              <a:rPr lang="en-US" sz="2400" dirty="0" err="1"/>
              <a:t>sự</a:t>
            </a:r>
            <a:r>
              <a:rPr lang="en-US" sz="2400" dirty="0"/>
              <a:t> </a:t>
            </a:r>
            <a:r>
              <a:rPr lang="en-US" sz="2400" dirty="0" err="1"/>
              <a:t>quan</a:t>
            </a:r>
            <a:r>
              <a:rPr lang="en-US" sz="2400" dirty="0"/>
              <a:t> </a:t>
            </a:r>
            <a:r>
              <a:rPr lang="en-US" sz="2400" dirty="0" err="1"/>
              <a:t>tâm</a:t>
            </a:r>
            <a:r>
              <a:rPr lang="en-US" sz="2400" dirty="0"/>
              <a:t> </a:t>
            </a:r>
            <a:r>
              <a:rPr lang="en-US" sz="2400" dirty="0" err="1"/>
              <a:t>của</a:t>
            </a:r>
            <a:r>
              <a:rPr lang="en-US" sz="2400" dirty="0"/>
              <a:t> Hs </a:t>
            </a:r>
            <a:r>
              <a:rPr lang="en-US" sz="2400" dirty="0" err="1"/>
              <a:t>đối</a:t>
            </a:r>
            <a:r>
              <a:rPr lang="en-US" sz="2400" dirty="0"/>
              <a:t> </a:t>
            </a:r>
            <a:r>
              <a:rPr lang="en-US" sz="2400" dirty="0" err="1"/>
              <a:t>với</a:t>
            </a:r>
            <a:r>
              <a:rPr lang="en-US" sz="2400" dirty="0"/>
              <a:t>  </a:t>
            </a:r>
            <a:r>
              <a:rPr lang="en-US" sz="2400" dirty="0" err="1"/>
              <a:t>môn</a:t>
            </a:r>
            <a:r>
              <a:rPr lang="en-US" sz="2400" dirty="0"/>
              <a:t> KHTN</a:t>
            </a:r>
            <a:endParaRPr lang="en-US" altLang="zh-CN" sz="3600" dirty="0">
              <a:solidFill>
                <a:prstClr val="black">
                  <a:lumMod val="75000"/>
                  <a:lumOff val="25000"/>
                </a:prstClr>
              </a:solidFill>
              <a:latin typeface="Times New Roman" panose="02020603050405020304" pitchFamily="18" charset="0"/>
              <a:cs typeface="Times New Roman" panose="02020603050405020304" pitchFamily="18" charset="0"/>
              <a:sym typeface="+mn-lt"/>
            </a:endParaRPr>
          </a:p>
        </p:txBody>
      </p:sp>
      <p:sp>
        <p:nvSpPr>
          <p:cNvPr id="17" name="矩形 5"/>
          <p:cNvSpPr/>
          <p:nvPr/>
        </p:nvSpPr>
        <p:spPr>
          <a:xfrm>
            <a:off x="2625408" y="2652892"/>
            <a:ext cx="9328539" cy="646270"/>
          </a:xfrm>
          <a:prstGeom prst="rect">
            <a:avLst/>
          </a:prstGeom>
        </p:spPr>
        <p:txBody>
          <a:bodyPr wrap="square" lIns="91375" tIns="45690" rIns="91375" bIns="45690">
            <a:spAutoFit/>
          </a:bodyPr>
          <a:lstStyle/>
          <a:p>
            <a:pPr marL="342900" indent="-342900" fontAlgn="ctr">
              <a:lnSpc>
                <a:spcPct val="150000"/>
              </a:lnSpc>
              <a:buClr>
                <a:srgbClr val="00B050"/>
              </a:buClr>
              <a:buFont typeface="Wingdings" panose="05000000000000000000" pitchFamily="2" charset="2"/>
              <a:buChar char="Ø"/>
            </a:pPr>
            <a:r>
              <a:rPr lang="en-US" sz="2400" dirty="0" err="1"/>
              <a:t>Phát</a:t>
            </a:r>
            <a:r>
              <a:rPr lang="en-US" sz="2400" dirty="0"/>
              <a:t> </a:t>
            </a:r>
            <a:r>
              <a:rPr lang="en-US" sz="2400" dirty="0" err="1"/>
              <a:t>triển</a:t>
            </a:r>
            <a:r>
              <a:rPr lang="en-US" sz="2400" dirty="0"/>
              <a:t> </a:t>
            </a:r>
            <a:r>
              <a:rPr lang="en-US" sz="2400" dirty="0" err="1"/>
              <a:t>công</a:t>
            </a:r>
            <a:r>
              <a:rPr lang="en-US" sz="2400" dirty="0"/>
              <a:t> </a:t>
            </a:r>
            <a:r>
              <a:rPr lang="en-US" sz="2400" dirty="0" err="1"/>
              <a:t>nghệ</a:t>
            </a:r>
            <a:r>
              <a:rPr lang="en-US" sz="2400" dirty="0"/>
              <a:t> </a:t>
            </a:r>
            <a:r>
              <a:rPr lang="en-US" sz="2400" dirty="0" err="1"/>
              <a:t>giáo</a:t>
            </a:r>
            <a:r>
              <a:rPr lang="en-US" sz="2400" dirty="0"/>
              <a:t> </a:t>
            </a:r>
            <a:r>
              <a:rPr lang="en-US" sz="2400" dirty="0" err="1"/>
              <a:t>dục</a:t>
            </a:r>
            <a:r>
              <a:rPr lang="en-US" sz="2400" dirty="0"/>
              <a:t> </a:t>
            </a:r>
            <a:r>
              <a:rPr lang="en-US" sz="2400" dirty="0" err="1"/>
              <a:t>đối</a:t>
            </a:r>
            <a:r>
              <a:rPr lang="en-US" sz="2400" dirty="0"/>
              <a:t> </a:t>
            </a:r>
            <a:r>
              <a:rPr lang="en-US" sz="2400" dirty="0" err="1"/>
              <a:t>với</a:t>
            </a:r>
            <a:r>
              <a:rPr lang="en-US" sz="2400" dirty="0"/>
              <a:t> </a:t>
            </a:r>
            <a:r>
              <a:rPr lang="en-US" sz="2400" dirty="0" err="1"/>
              <a:t>môn</a:t>
            </a:r>
            <a:r>
              <a:rPr lang="en-US" sz="2400" dirty="0"/>
              <a:t> KHTN</a:t>
            </a:r>
            <a:endParaRPr lang="en-US" altLang="zh-CN" sz="3600" dirty="0">
              <a:solidFill>
                <a:prstClr val="black">
                  <a:lumMod val="75000"/>
                  <a:lumOff val="25000"/>
                </a:prstClr>
              </a:solidFill>
              <a:latin typeface="Times New Roman" panose="02020603050405020304" pitchFamily="18" charset="0"/>
              <a:cs typeface="Times New Roman" panose="02020603050405020304" pitchFamily="18" charset="0"/>
              <a:sym typeface="+mn-lt"/>
            </a:endParaRPr>
          </a:p>
        </p:txBody>
      </p:sp>
      <p:sp>
        <p:nvSpPr>
          <p:cNvPr id="19" name="TextBox 18"/>
          <p:cNvSpPr txBox="1"/>
          <p:nvPr/>
        </p:nvSpPr>
        <p:spPr>
          <a:xfrm>
            <a:off x="2558898" y="6371303"/>
            <a:ext cx="9566592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buClr>
                <a:srgbClr val="2106C2"/>
              </a:buClr>
              <a:buFont typeface="Wingdings" panose="05000000000000000000" pitchFamily="2" charset="2"/>
              <a:buChar char="q"/>
            </a:pPr>
            <a:r>
              <a:rPr lang="en-US" sz="2400" dirty="0" err="1"/>
              <a:t>Có</a:t>
            </a:r>
            <a:r>
              <a:rPr lang="en-US" sz="2400" dirty="0"/>
              <a:t> </a:t>
            </a:r>
            <a:r>
              <a:rPr lang="en-US" sz="2400" dirty="0" err="1"/>
              <a:t>thể</a:t>
            </a:r>
            <a:r>
              <a:rPr lang="en-US" sz="2400" dirty="0"/>
              <a:t> </a:t>
            </a:r>
            <a:r>
              <a:rPr lang="en-US" sz="2400" dirty="0" err="1"/>
              <a:t>sử</a:t>
            </a:r>
            <a:r>
              <a:rPr lang="en-US" sz="2400" dirty="0"/>
              <a:t> </a:t>
            </a:r>
            <a:r>
              <a:rPr lang="en-US" sz="2400" dirty="0" err="1"/>
              <a:t>dụng</a:t>
            </a:r>
            <a:r>
              <a:rPr lang="en-US" sz="2400" dirty="0"/>
              <a:t> </a:t>
            </a:r>
            <a:r>
              <a:rPr lang="en-US" sz="2400" dirty="0" err="1"/>
              <a:t>trên</a:t>
            </a:r>
            <a:r>
              <a:rPr lang="en-US" sz="2400" dirty="0"/>
              <a:t> </a:t>
            </a:r>
            <a:r>
              <a:rPr lang="en-US" sz="2400" dirty="0" err="1"/>
              <a:t>tất</a:t>
            </a:r>
            <a:r>
              <a:rPr lang="en-US" sz="2400" dirty="0"/>
              <a:t> </a:t>
            </a:r>
            <a:r>
              <a:rPr lang="en-US" sz="2400" dirty="0" err="1"/>
              <a:t>cả</a:t>
            </a:r>
            <a:r>
              <a:rPr lang="en-US" sz="2400" dirty="0"/>
              <a:t> </a:t>
            </a:r>
            <a:r>
              <a:rPr lang="en-US" sz="2400" dirty="0" err="1"/>
              <a:t>các</a:t>
            </a:r>
            <a:r>
              <a:rPr lang="en-US" sz="2400" dirty="0"/>
              <a:t> </a:t>
            </a:r>
            <a:r>
              <a:rPr lang="en-US" sz="2400" dirty="0" err="1"/>
              <a:t>HĐH</a:t>
            </a:r>
            <a:r>
              <a:rPr lang="en-US" sz="2400" dirty="0"/>
              <a:t>: Android, IOS</a:t>
            </a:r>
            <a:endParaRPr lang="en-US" sz="2400" dirty="0"/>
          </a:p>
          <a:p>
            <a:endParaRPr lang="en-US" sz="2000" dirty="0"/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4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9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0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5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6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1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2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3" presetID="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5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6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7" presetID="16" presetClass="entr" presetSubtype="2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49" dur="500"/>
                                        <p:tgtEl>
                                          <p:spTgt spid="51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58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9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6" grpId="0"/>
      <p:bldP spid="15" grpId="0"/>
      <p:bldP spid="16" grpId="0"/>
      <p:bldP spid="7" grpId="0"/>
      <p:bldP spid="8" grpId="0"/>
      <p:bldP spid="17" grpId="0"/>
      <p:bldP spid="19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/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p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p>
            <a:endParaRPr lang="en-US"/>
          </a:p>
        </p:txBody>
      </p:sp>
      <p:pic>
        <p:nvPicPr>
          <p:cNvPr id="4" name="Picture 3"/>
          <p:cNvPicPr/>
          <p:nvPr/>
        </p:nvPicPr>
        <p:blipFill>
          <a:blip r:embed="rId1"/>
          <a:stretch>
            <a:fillRect/>
          </a:stretch>
        </p:blipFill>
        <p:spPr>
          <a:xfrm>
            <a:off x="0" y="350520"/>
            <a:ext cx="12192000" cy="6649720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/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p>
            <a:endParaRPr lang="en-US"/>
          </a:p>
        </p:txBody>
      </p:sp>
      <p:pic>
        <p:nvPicPr>
          <p:cNvPr id="4" name="Content Placeholder 3"/>
          <p:cNvPicPr>
            <a:picLocks noChangeAspect="1"/>
          </p:cNvPicPr>
          <p:nvPr>
            <p:ph idx="1"/>
          </p:nvPr>
        </p:nvPicPr>
        <p:blipFill>
          <a:blip r:embed="rId1"/>
          <a:stretch>
            <a:fillRect/>
          </a:stretch>
        </p:blipFill>
        <p:spPr>
          <a:xfrm>
            <a:off x="0" y="0"/>
            <a:ext cx="0" cy="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1"/>
          <a:stretch>
            <a:fillRect/>
          </a:stretch>
        </p:blipFill>
        <p:spPr>
          <a:xfrm>
            <a:off x="-2861945" y="-509270"/>
            <a:ext cx="17916525" cy="7877175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>
          <a:blip r:embed="rId1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/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p>
            <a:endParaRPr lang="en-US"/>
          </a:p>
        </p:txBody>
      </p:sp>
      <p:pic>
        <p:nvPicPr>
          <p:cNvPr id="4" name="Content Placeholder 3"/>
          <p:cNvPicPr>
            <a:picLocks noChangeAspect="1"/>
          </p:cNvPicPr>
          <p:nvPr>
            <p:ph idx="1"/>
          </p:nvPr>
        </p:nvPicPr>
        <p:blipFill>
          <a:blip r:embed="rId1"/>
          <a:stretch>
            <a:fillRect/>
          </a:stretch>
        </p:blipFill>
        <p:spPr>
          <a:xfrm>
            <a:off x="0" y="0"/>
            <a:ext cx="0" cy="0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/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p>
            <a:endParaRPr lang="en-US"/>
          </a:p>
        </p:txBody>
      </p:sp>
      <p:pic>
        <p:nvPicPr>
          <p:cNvPr id="5" name="Content Placeholder 4"/>
          <p:cNvPicPr>
            <a:picLocks noChangeAspect="1"/>
          </p:cNvPicPr>
          <p:nvPr>
            <p:ph idx="1"/>
          </p:nvPr>
        </p:nvPicPr>
        <p:blipFill>
          <a:blip r:embed="rId1"/>
          <a:stretch>
            <a:fillRect/>
          </a:stretch>
        </p:blipFill>
        <p:spPr>
          <a:xfrm>
            <a:off x="0" y="0"/>
            <a:ext cx="0" cy="0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1"/>
          <a:srcRect l="-131" r="131"/>
          <a:stretch>
            <a:fillRect/>
          </a:stretch>
        </p:blipFill>
        <p:spPr>
          <a:xfrm>
            <a:off x="57150" y="-8591550"/>
            <a:ext cx="12077700" cy="24041100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/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p>
            <a:endParaRPr lang="en-US"/>
          </a:p>
        </p:txBody>
      </p:sp>
      <p:pic>
        <p:nvPicPr>
          <p:cNvPr id="4" name="Content Placeholder 3"/>
          <p:cNvPicPr>
            <a:picLocks noChangeAspect="1"/>
          </p:cNvPicPr>
          <p:nvPr>
            <p:ph idx="1"/>
          </p:nvPr>
        </p:nvPicPr>
        <p:blipFill>
          <a:blip r:embed="rId1"/>
          <a:stretch>
            <a:fillRect/>
          </a:stretch>
        </p:blipFill>
        <p:spPr>
          <a:xfrm>
            <a:off x="0" y="0"/>
            <a:ext cx="0" cy="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1"/>
          <a:stretch>
            <a:fillRect/>
          </a:stretch>
        </p:blipFill>
        <p:spPr>
          <a:xfrm>
            <a:off x="-4445" y="-3895725"/>
            <a:ext cx="12201525" cy="14649450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/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p>
            <a:endParaRPr lang="en-US"/>
          </a:p>
        </p:txBody>
      </p:sp>
      <p:pic>
        <p:nvPicPr>
          <p:cNvPr id="4" name="Content Placeholder 3"/>
          <p:cNvPicPr>
            <a:picLocks noChangeAspect="1"/>
          </p:cNvPicPr>
          <p:nvPr>
            <p:ph idx="1"/>
          </p:nvPr>
        </p:nvPicPr>
        <p:blipFill>
          <a:blip r:embed="rId1"/>
          <a:stretch>
            <a:fillRect/>
          </a:stretch>
        </p:blipFill>
        <p:spPr>
          <a:xfrm>
            <a:off x="0" y="0"/>
            <a:ext cx="0" cy="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1"/>
          <a:stretch>
            <a:fillRect/>
          </a:stretch>
        </p:blipFill>
        <p:spPr>
          <a:xfrm>
            <a:off x="-47625" y="-7357745"/>
            <a:ext cx="12287250" cy="21574125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4" descr="D:\Tieu Binh\hinh nen\%21_%2828%29~30.gif"/>
          <p:cNvPicPr>
            <a:picLocks noChangeAspect="1" noChangeArrowheads="1" noCrop="1"/>
          </p:cNvPicPr>
          <p:nvPr/>
        </p:nvPicPr>
        <p:blipFill>
          <a:blip r:embed="rId1"/>
          <a:srcRect/>
          <a:stretch>
            <a:fillRect/>
          </a:stretch>
        </p:blipFill>
        <p:spPr bwMode="auto">
          <a:xfrm>
            <a:off x="-1" y="-26194"/>
            <a:ext cx="12192000" cy="69103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4" name="椭圆 43"/>
          <p:cNvSpPr/>
          <p:nvPr/>
        </p:nvSpPr>
        <p:spPr>
          <a:xfrm>
            <a:off x="888871" y="1172133"/>
            <a:ext cx="1484724" cy="1484724"/>
          </a:xfrm>
          <a:prstGeom prst="ellipse">
            <a:avLst/>
          </a:prstGeom>
          <a:solidFill>
            <a:srgbClr val="F5C700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 sz="2400">
              <a:solidFill>
                <a:prstClr val="white"/>
              </a:solidFill>
              <a:cs typeface="Helvetica" panose="020B0604020202020204"/>
              <a:sym typeface="+mn-lt"/>
            </a:endParaRPr>
          </a:p>
        </p:txBody>
      </p:sp>
      <p:sp>
        <p:nvSpPr>
          <p:cNvPr id="45" name="椭圆 44"/>
          <p:cNvSpPr/>
          <p:nvPr/>
        </p:nvSpPr>
        <p:spPr>
          <a:xfrm>
            <a:off x="776387" y="1061294"/>
            <a:ext cx="1706407" cy="1706407"/>
          </a:xfrm>
          <a:prstGeom prst="ellipse">
            <a:avLst/>
          </a:prstGeom>
          <a:noFill/>
          <a:ln w="9525">
            <a:solidFill>
              <a:srgbClr val="F5C7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 sz="2400">
              <a:solidFill>
                <a:prstClr val="white"/>
              </a:solidFill>
              <a:cs typeface="Helvetica" panose="020B0604020202020204"/>
              <a:sym typeface="+mn-lt"/>
            </a:endParaRPr>
          </a:p>
        </p:txBody>
      </p:sp>
      <p:sp>
        <p:nvSpPr>
          <p:cNvPr id="46" name="椭圆 45"/>
          <p:cNvSpPr/>
          <p:nvPr/>
        </p:nvSpPr>
        <p:spPr>
          <a:xfrm>
            <a:off x="7965704" y="1282977"/>
            <a:ext cx="1484724" cy="1484724"/>
          </a:xfrm>
          <a:prstGeom prst="ellipse">
            <a:avLst/>
          </a:prstGeom>
          <a:solidFill>
            <a:srgbClr val="1D4251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 sz="2400">
              <a:solidFill>
                <a:prstClr val="white"/>
              </a:solidFill>
              <a:cs typeface="Helvetica" panose="020B0604020202020204"/>
              <a:sym typeface="+mn-lt"/>
            </a:endParaRPr>
          </a:p>
        </p:txBody>
      </p:sp>
      <p:sp>
        <p:nvSpPr>
          <p:cNvPr id="47" name="椭圆 46"/>
          <p:cNvSpPr/>
          <p:nvPr/>
        </p:nvSpPr>
        <p:spPr>
          <a:xfrm>
            <a:off x="7854871" y="1172144"/>
            <a:ext cx="1706407" cy="1706407"/>
          </a:xfrm>
          <a:prstGeom prst="ellipse">
            <a:avLst/>
          </a:prstGeom>
          <a:noFill/>
          <a:ln w="9525">
            <a:solidFill>
              <a:srgbClr val="1D425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endParaRPr lang="zh-CN" altLang="en-US" sz="2400">
              <a:solidFill>
                <a:prstClr val="white"/>
              </a:solidFill>
              <a:cs typeface="Helvetica" panose="020B0604020202020204"/>
              <a:sym typeface="+mn-lt"/>
            </a:endParaRPr>
          </a:p>
        </p:txBody>
      </p:sp>
      <p:grpSp>
        <p:nvGrpSpPr>
          <p:cNvPr id="56" name="组合 55"/>
          <p:cNvGrpSpPr/>
          <p:nvPr/>
        </p:nvGrpSpPr>
        <p:grpSpPr>
          <a:xfrm>
            <a:off x="8505610" y="1618868"/>
            <a:ext cx="404912" cy="590245"/>
            <a:chOff x="2528974" y="2863357"/>
            <a:chExt cx="246811" cy="359779"/>
          </a:xfrm>
          <a:solidFill>
            <a:schemeClr val="bg1"/>
          </a:solidFill>
        </p:grpSpPr>
        <p:sp>
          <p:nvSpPr>
            <p:cNvPr id="57" name="AutoShape 113"/>
            <p:cNvSpPr/>
            <p:nvPr/>
          </p:nvSpPr>
          <p:spPr bwMode="auto">
            <a:xfrm>
              <a:off x="2528974" y="2863357"/>
              <a:ext cx="246811" cy="359779"/>
            </a:xfrm>
            <a:custGeom>
              <a:avLst/>
              <a:gdLst>
                <a:gd name="T0" fmla="*/ 10800 w 21600"/>
                <a:gd name="T1" fmla="*/ 10800 h 21600"/>
                <a:gd name="T2" fmla="*/ 10800 w 21600"/>
                <a:gd name="T3" fmla="*/ 10800 h 21600"/>
                <a:gd name="T4" fmla="*/ 10800 w 21600"/>
                <a:gd name="T5" fmla="*/ 10800 h 21600"/>
                <a:gd name="T6" fmla="*/ 10800 w 21600"/>
                <a:gd name="T7" fmla="*/ 10800 h 216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1600" h="21600">
                  <a:moveTo>
                    <a:pt x="15386" y="14175"/>
                  </a:moveTo>
                  <a:lnTo>
                    <a:pt x="6223" y="14175"/>
                  </a:lnTo>
                  <a:cubicBezTo>
                    <a:pt x="5734" y="13446"/>
                    <a:pt x="5147" y="12716"/>
                    <a:pt x="4568" y="12003"/>
                  </a:cubicBezTo>
                  <a:cubicBezTo>
                    <a:pt x="3287" y="10427"/>
                    <a:pt x="1963" y="8797"/>
                    <a:pt x="1963" y="7425"/>
                  </a:cubicBezTo>
                  <a:cubicBezTo>
                    <a:pt x="1963" y="4075"/>
                    <a:pt x="5927" y="1350"/>
                    <a:pt x="10800" y="1350"/>
                  </a:cubicBezTo>
                  <a:cubicBezTo>
                    <a:pt x="15672" y="1350"/>
                    <a:pt x="19636" y="4075"/>
                    <a:pt x="19636" y="7425"/>
                  </a:cubicBezTo>
                  <a:cubicBezTo>
                    <a:pt x="19636" y="8787"/>
                    <a:pt x="18312" y="10425"/>
                    <a:pt x="17029" y="12011"/>
                  </a:cubicBezTo>
                  <a:cubicBezTo>
                    <a:pt x="16455" y="12723"/>
                    <a:pt x="15873" y="13449"/>
                    <a:pt x="15386" y="14175"/>
                  </a:cubicBezTo>
                  <a:moveTo>
                    <a:pt x="10800" y="20249"/>
                  </a:moveTo>
                  <a:cubicBezTo>
                    <a:pt x="9805" y="20249"/>
                    <a:pt x="9347" y="20171"/>
                    <a:pt x="8839" y="19406"/>
                  </a:cubicBezTo>
                  <a:lnTo>
                    <a:pt x="13000" y="19048"/>
                  </a:lnTo>
                  <a:cubicBezTo>
                    <a:pt x="12398" y="20164"/>
                    <a:pt x="11959" y="20249"/>
                    <a:pt x="10800" y="20249"/>
                  </a:cubicBezTo>
                  <a:moveTo>
                    <a:pt x="7595" y="16813"/>
                  </a:moveTo>
                  <a:cubicBezTo>
                    <a:pt x="7417" y="16407"/>
                    <a:pt x="7215" y="15978"/>
                    <a:pt x="6991" y="15525"/>
                  </a:cubicBezTo>
                  <a:lnTo>
                    <a:pt x="14616" y="15525"/>
                  </a:lnTo>
                  <a:cubicBezTo>
                    <a:pt x="14496" y="15767"/>
                    <a:pt x="14375" y="16010"/>
                    <a:pt x="14270" y="16239"/>
                  </a:cubicBezTo>
                  <a:cubicBezTo>
                    <a:pt x="14270" y="16239"/>
                    <a:pt x="7595" y="16813"/>
                    <a:pt x="7595" y="16813"/>
                  </a:cubicBezTo>
                  <a:close/>
                  <a:moveTo>
                    <a:pt x="13345" y="18343"/>
                  </a:moveTo>
                  <a:lnTo>
                    <a:pt x="8476" y="18762"/>
                  </a:lnTo>
                  <a:cubicBezTo>
                    <a:pt x="8303" y="18416"/>
                    <a:pt x="8116" y="18011"/>
                    <a:pt x="7890" y="17483"/>
                  </a:cubicBezTo>
                  <a:cubicBezTo>
                    <a:pt x="7887" y="17477"/>
                    <a:pt x="7883" y="17469"/>
                    <a:pt x="7881" y="17462"/>
                  </a:cubicBezTo>
                  <a:lnTo>
                    <a:pt x="13957" y="16941"/>
                  </a:lnTo>
                  <a:cubicBezTo>
                    <a:pt x="13871" y="17140"/>
                    <a:pt x="13778" y="17350"/>
                    <a:pt x="13698" y="17537"/>
                  </a:cubicBezTo>
                  <a:cubicBezTo>
                    <a:pt x="13569" y="17841"/>
                    <a:pt x="13453" y="18104"/>
                    <a:pt x="13345" y="18343"/>
                  </a:cubicBezTo>
                  <a:moveTo>
                    <a:pt x="10800" y="0"/>
                  </a:moveTo>
                  <a:cubicBezTo>
                    <a:pt x="4835" y="0"/>
                    <a:pt x="0" y="3324"/>
                    <a:pt x="0" y="7425"/>
                  </a:cubicBezTo>
                  <a:cubicBezTo>
                    <a:pt x="0" y="10146"/>
                    <a:pt x="3621" y="13029"/>
                    <a:pt x="4939" y="15562"/>
                  </a:cubicBezTo>
                  <a:cubicBezTo>
                    <a:pt x="6906" y="19339"/>
                    <a:pt x="6688" y="21599"/>
                    <a:pt x="10800" y="21599"/>
                  </a:cubicBezTo>
                  <a:cubicBezTo>
                    <a:pt x="14972" y="21599"/>
                    <a:pt x="14692" y="19349"/>
                    <a:pt x="16660" y="15577"/>
                  </a:cubicBezTo>
                  <a:cubicBezTo>
                    <a:pt x="17983" y="13039"/>
                    <a:pt x="21600" y="10124"/>
                    <a:pt x="21600" y="7425"/>
                  </a:cubicBezTo>
                  <a:cubicBezTo>
                    <a:pt x="21600" y="3324"/>
                    <a:pt x="16764" y="0"/>
                    <a:pt x="10800" y="0"/>
                  </a:cubicBezTo>
                </a:path>
              </a:pathLst>
            </a:custGeom>
            <a:grpFill/>
            <a:ln>
              <a:noFill/>
            </a:ln>
            <a:effectLst/>
          </p:spPr>
          <p:txBody>
            <a:bodyPr lIns="25400" tIns="25400" rIns="25400" bIns="25400" anchor="ctr"/>
            <a:lstStyle/>
            <a:p>
              <a:pPr algn="ctr" defTabSz="304800" fontAlgn="base" hangingPunct="0">
                <a:spcBef>
                  <a:spcPct val="0"/>
                </a:spcBef>
                <a:spcAft>
                  <a:spcPct val="0"/>
                </a:spcAft>
                <a:defRPr/>
              </a:pPr>
              <a:endParaRPr lang="en-US" sz="2000" kern="0">
                <a:solidFill>
                  <a:srgbClr val="FFFFFF"/>
                </a:solidFill>
                <a:effectLst>
                  <a:outerShdw blurRad="38100" dist="38100" dir="2700000" algn="tl">
                    <a:srgbClr val="000000"/>
                  </a:outerShdw>
                </a:effectLst>
                <a:cs typeface="Helvetica" panose="020B0604020202020204"/>
                <a:sym typeface="+mn-lt"/>
              </a:endParaRPr>
            </a:p>
          </p:txBody>
        </p:sp>
        <p:sp>
          <p:nvSpPr>
            <p:cNvPr id="58" name="AutoShape 114"/>
            <p:cNvSpPr/>
            <p:nvPr/>
          </p:nvSpPr>
          <p:spPr bwMode="auto">
            <a:xfrm>
              <a:off x="2584843" y="2919841"/>
              <a:ext cx="73061" cy="73061"/>
            </a:xfrm>
            <a:custGeom>
              <a:avLst/>
              <a:gdLst>
                <a:gd name="T0" fmla="*/ 10800 w 21600"/>
                <a:gd name="T1" fmla="*/ 10800 h 21600"/>
                <a:gd name="T2" fmla="*/ 10800 w 21600"/>
                <a:gd name="T3" fmla="*/ 10800 h 21600"/>
                <a:gd name="T4" fmla="*/ 10800 w 21600"/>
                <a:gd name="T5" fmla="*/ 10800 h 21600"/>
                <a:gd name="T6" fmla="*/ 10800 w 21600"/>
                <a:gd name="T7" fmla="*/ 10800 h 216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1600" h="21600">
                  <a:moveTo>
                    <a:pt x="19938" y="0"/>
                  </a:moveTo>
                  <a:cubicBezTo>
                    <a:pt x="8943" y="0"/>
                    <a:pt x="0" y="8942"/>
                    <a:pt x="0" y="19938"/>
                  </a:cubicBezTo>
                  <a:cubicBezTo>
                    <a:pt x="0" y="20855"/>
                    <a:pt x="743" y="21600"/>
                    <a:pt x="1661" y="21600"/>
                  </a:cubicBezTo>
                  <a:cubicBezTo>
                    <a:pt x="2579" y="21600"/>
                    <a:pt x="3323" y="20855"/>
                    <a:pt x="3323" y="19938"/>
                  </a:cubicBezTo>
                  <a:cubicBezTo>
                    <a:pt x="3323" y="10777"/>
                    <a:pt x="10777" y="3323"/>
                    <a:pt x="19938" y="3323"/>
                  </a:cubicBezTo>
                  <a:cubicBezTo>
                    <a:pt x="20856" y="3323"/>
                    <a:pt x="21600" y="2578"/>
                    <a:pt x="21600" y="1661"/>
                  </a:cubicBezTo>
                  <a:cubicBezTo>
                    <a:pt x="21600" y="744"/>
                    <a:pt x="20856" y="0"/>
                    <a:pt x="19938" y="0"/>
                  </a:cubicBezTo>
                </a:path>
              </a:pathLst>
            </a:custGeom>
            <a:grpFill/>
            <a:ln>
              <a:noFill/>
            </a:ln>
            <a:effectLst/>
          </p:spPr>
          <p:txBody>
            <a:bodyPr lIns="25400" tIns="25400" rIns="25400" bIns="25400" anchor="ctr"/>
            <a:lstStyle/>
            <a:p>
              <a:pPr algn="ctr" defTabSz="304800" fontAlgn="base" hangingPunct="0">
                <a:spcBef>
                  <a:spcPct val="0"/>
                </a:spcBef>
                <a:spcAft>
                  <a:spcPct val="0"/>
                </a:spcAft>
                <a:defRPr/>
              </a:pPr>
              <a:endParaRPr lang="en-US" sz="2000" kern="0">
                <a:solidFill>
                  <a:srgbClr val="FFFFFF"/>
                </a:solidFill>
                <a:effectLst>
                  <a:outerShdw blurRad="38100" dist="38100" dir="2700000" algn="tl">
                    <a:srgbClr val="000000"/>
                  </a:outerShdw>
                </a:effectLst>
                <a:cs typeface="Helvetica" panose="020B0604020202020204"/>
                <a:sym typeface="+mn-lt"/>
              </a:endParaRPr>
            </a:p>
          </p:txBody>
        </p:sp>
      </p:grpSp>
      <p:grpSp>
        <p:nvGrpSpPr>
          <p:cNvPr id="59" name="组合 58"/>
          <p:cNvGrpSpPr/>
          <p:nvPr/>
        </p:nvGrpSpPr>
        <p:grpSpPr>
          <a:xfrm>
            <a:off x="1334970" y="1619874"/>
            <a:ext cx="589239" cy="589239"/>
            <a:chOff x="2473104" y="2145028"/>
            <a:chExt cx="359165" cy="359165"/>
          </a:xfrm>
          <a:solidFill>
            <a:schemeClr val="bg1"/>
          </a:solidFill>
        </p:grpSpPr>
        <p:sp>
          <p:nvSpPr>
            <p:cNvPr id="60" name="AutoShape 126"/>
            <p:cNvSpPr/>
            <p:nvPr/>
          </p:nvSpPr>
          <p:spPr bwMode="auto">
            <a:xfrm>
              <a:off x="2473104" y="2145028"/>
              <a:ext cx="359165" cy="359165"/>
            </a:xfrm>
            <a:custGeom>
              <a:avLst/>
              <a:gdLst>
                <a:gd name="T0" fmla="*/ 10800 w 21600"/>
                <a:gd name="T1" fmla="*/ 10800 h 21600"/>
                <a:gd name="T2" fmla="*/ 10800 w 21600"/>
                <a:gd name="T3" fmla="*/ 10800 h 21600"/>
                <a:gd name="T4" fmla="*/ 10800 w 21600"/>
                <a:gd name="T5" fmla="*/ 10800 h 21600"/>
                <a:gd name="T6" fmla="*/ 10800 w 21600"/>
                <a:gd name="T7" fmla="*/ 10800 h 216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1600" h="21600">
                  <a:moveTo>
                    <a:pt x="13499" y="14850"/>
                  </a:moveTo>
                  <a:cubicBezTo>
                    <a:pt x="9772" y="14850"/>
                    <a:pt x="6749" y="11827"/>
                    <a:pt x="6749" y="8100"/>
                  </a:cubicBezTo>
                  <a:cubicBezTo>
                    <a:pt x="6749" y="4372"/>
                    <a:pt x="9772" y="1350"/>
                    <a:pt x="13499" y="1350"/>
                  </a:cubicBezTo>
                  <a:cubicBezTo>
                    <a:pt x="17227" y="1350"/>
                    <a:pt x="20249" y="4372"/>
                    <a:pt x="20249" y="8100"/>
                  </a:cubicBezTo>
                  <a:cubicBezTo>
                    <a:pt x="20249" y="11827"/>
                    <a:pt x="17227" y="14850"/>
                    <a:pt x="13499" y="14850"/>
                  </a:cubicBezTo>
                  <a:moveTo>
                    <a:pt x="3236" y="20042"/>
                  </a:moveTo>
                  <a:cubicBezTo>
                    <a:pt x="3019" y="20266"/>
                    <a:pt x="2718" y="20408"/>
                    <a:pt x="2382" y="20408"/>
                  </a:cubicBezTo>
                  <a:cubicBezTo>
                    <a:pt x="1724" y="20408"/>
                    <a:pt x="1191" y="19875"/>
                    <a:pt x="1191" y="19218"/>
                  </a:cubicBezTo>
                  <a:cubicBezTo>
                    <a:pt x="1191" y="18881"/>
                    <a:pt x="1332" y="18580"/>
                    <a:pt x="1557" y="18363"/>
                  </a:cubicBezTo>
                  <a:lnTo>
                    <a:pt x="1551" y="18358"/>
                  </a:lnTo>
                  <a:lnTo>
                    <a:pt x="6996" y="12913"/>
                  </a:lnTo>
                  <a:cubicBezTo>
                    <a:pt x="7472" y="13555"/>
                    <a:pt x="8039" y="14122"/>
                    <a:pt x="8680" y="14599"/>
                  </a:cubicBezTo>
                  <a:cubicBezTo>
                    <a:pt x="8680" y="14599"/>
                    <a:pt x="3236" y="20042"/>
                    <a:pt x="3236" y="20042"/>
                  </a:cubicBezTo>
                  <a:close/>
                  <a:moveTo>
                    <a:pt x="13499" y="0"/>
                  </a:moveTo>
                  <a:cubicBezTo>
                    <a:pt x="9026" y="0"/>
                    <a:pt x="5399" y="3626"/>
                    <a:pt x="5399" y="8100"/>
                  </a:cubicBezTo>
                  <a:cubicBezTo>
                    <a:pt x="5399" y="9467"/>
                    <a:pt x="5742" y="10754"/>
                    <a:pt x="6341" y="11884"/>
                  </a:cubicBezTo>
                  <a:lnTo>
                    <a:pt x="709" y="17515"/>
                  </a:lnTo>
                  <a:lnTo>
                    <a:pt x="713" y="17520"/>
                  </a:lnTo>
                  <a:cubicBezTo>
                    <a:pt x="274" y="17953"/>
                    <a:pt x="0" y="18552"/>
                    <a:pt x="0" y="19218"/>
                  </a:cubicBezTo>
                  <a:cubicBezTo>
                    <a:pt x="0" y="20533"/>
                    <a:pt x="1066" y="21599"/>
                    <a:pt x="2382" y="21599"/>
                  </a:cubicBezTo>
                  <a:cubicBezTo>
                    <a:pt x="3047" y="21599"/>
                    <a:pt x="3647" y="21326"/>
                    <a:pt x="4079" y="20885"/>
                  </a:cubicBezTo>
                  <a:lnTo>
                    <a:pt x="4078" y="20884"/>
                  </a:lnTo>
                  <a:lnTo>
                    <a:pt x="9708" y="15255"/>
                  </a:lnTo>
                  <a:cubicBezTo>
                    <a:pt x="10839" y="15856"/>
                    <a:pt x="12128" y="16200"/>
                    <a:pt x="13499" y="16200"/>
                  </a:cubicBezTo>
                  <a:cubicBezTo>
                    <a:pt x="17973" y="16200"/>
                    <a:pt x="21600" y="12573"/>
                    <a:pt x="21600" y="8100"/>
                  </a:cubicBezTo>
                  <a:cubicBezTo>
                    <a:pt x="21600" y="3626"/>
                    <a:pt x="17973" y="0"/>
                    <a:pt x="13499" y="0"/>
                  </a:cubicBezTo>
                </a:path>
              </a:pathLst>
            </a:custGeom>
            <a:grpFill/>
            <a:ln>
              <a:noFill/>
            </a:ln>
            <a:effectLst/>
          </p:spPr>
          <p:txBody>
            <a:bodyPr lIns="25400" tIns="25400" rIns="25400" bIns="25400" anchor="ctr"/>
            <a:lstStyle/>
            <a:p>
              <a:pPr algn="ctr" defTabSz="304800" fontAlgn="base" hangingPunct="0">
                <a:spcBef>
                  <a:spcPct val="0"/>
                </a:spcBef>
                <a:spcAft>
                  <a:spcPct val="0"/>
                </a:spcAft>
                <a:defRPr/>
              </a:pPr>
              <a:endParaRPr lang="en-US" sz="2000" kern="0">
                <a:solidFill>
                  <a:srgbClr val="FFFFFF"/>
                </a:solidFill>
                <a:effectLst>
                  <a:outerShdw blurRad="38100" dist="38100" dir="2700000" algn="tl">
                    <a:srgbClr val="000000"/>
                  </a:outerShdw>
                </a:effectLst>
                <a:cs typeface="Helvetica" panose="020B0604020202020204"/>
                <a:sym typeface="+mn-lt"/>
              </a:endParaRPr>
            </a:p>
          </p:txBody>
        </p:sp>
        <p:sp>
          <p:nvSpPr>
            <p:cNvPr id="61" name="AutoShape 127"/>
            <p:cNvSpPr/>
            <p:nvPr/>
          </p:nvSpPr>
          <p:spPr bwMode="auto">
            <a:xfrm>
              <a:off x="2618611" y="2200897"/>
              <a:ext cx="84727" cy="84112"/>
            </a:xfrm>
            <a:custGeom>
              <a:avLst/>
              <a:gdLst>
                <a:gd name="T0" fmla="*/ 10800 w 21600"/>
                <a:gd name="T1" fmla="*/ 10800 h 21600"/>
                <a:gd name="T2" fmla="*/ 10800 w 21600"/>
                <a:gd name="T3" fmla="*/ 10800 h 21600"/>
                <a:gd name="T4" fmla="*/ 10800 w 21600"/>
                <a:gd name="T5" fmla="*/ 10800 h 21600"/>
                <a:gd name="T6" fmla="*/ 10800 w 21600"/>
                <a:gd name="T7" fmla="*/ 10800 h 216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</a:cxnLst>
              <a:rect l="0" t="0" r="r" b="b"/>
              <a:pathLst>
                <a:path w="21600" h="21600">
                  <a:moveTo>
                    <a:pt x="20160" y="0"/>
                  </a:moveTo>
                  <a:cubicBezTo>
                    <a:pt x="9025" y="0"/>
                    <a:pt x="0" y="9025"/>
                    <a:pt x="0" y="20160"/>
                  </a:cubicBezTo>
                  <a:cubicBezTo>
                    <a:pt x="0" y="20954"/>
                    <a:pt x="644" y="21600"/>
                    <a:pt x="1440" y="21600"/>
                  </a:cubicBezTo>
                  <a:cubicBezTo>
                    <a:pt x="2235" y="21600"/>
                    <a:pt x="2880" y="20954"/>
                    <a:pt x="2880" y="20160"/>
                  </a:cubicBezTo>
                  <a:cubicBezTo>
                    <a:pt x="2880" y="10618"/>
                    <a:pt x="10617" y="2880"/>
                    <a:pt x="20160" y="2880"/>
                  </a:cubicBezTo>
                  <a:cubicBezTo>
                    <a:pt x="20955" y="2880"/>
                    <a:pt x="21599" y="2234"/>
                    <a:pt x="21599" y="1440"/>
                  </a:cubicBezTo>
                  <a:cubicBezTo>
                    <a:pt x="21599" y="645"/>
                    <a:pt x="20955" y="0"/>
                    <a:pt x="20160" y="0"/>
                  </a:cubicBezTo>
                </a:path>
              </a:pathLst>
            </a:custGeom>
            <a:grpFill/>
            <a:ln>
              <a:noFill/>
            </a:ln>
            <a:effectLst/>
          </p:spPr>
          <p:txBody>
            <a:bodyPr lIns="25400" tIns="25400" rIns="25400" bIns="25400" anchor="ctr"/>
            <a:lstStyle/>
            <a:p>
              <a:pPr algn="ctr" defTabSz="304800" fontAlgn="base" hangingPunct="0">
                <a:spcBef>
                  <a:spcPct val="0"/>
                </a:spcBef>
                <a:spcAft>
                  <a:spcPct val="0"/>
                </a:spcAft>
                <a:defRPr/>
              </a:pPr>
              <a:endParaRPr lang="en-US" sz="2000" kern="0">
                <a:solidFill>
                  <a:srgbClr val="FFFFFF"/>
                </a:solidFill>
                <a:effectLst>
                  <a:outerShdw blurRad="38100" dist="38100" dir="2700000" algn="tl">
                    <a:srgbClr val="000000"/>
                  </a:outerShdw>
                </a:effectLst>
                <a:cs typeface="Helvetica" panose="020B0604020202020204"/>
                <a:sym typeface="+mn-lt"/>
              </a:endParaRPr>
            </a:p>
          </p:txBody>
        </p:sp>
      </p:grpSp>
      <p:sp>
        <p:nvSpPr>
          <p:cNvPr id="62" name="Title 1"/>
          <p:cNvSpPr txBox="1"/>
          <p:nvPr/>
        </p:nvSpPr>
        <p:spPr>
          <a:xfrm>
            <a:off x="1797667" y="400891"/>
            <a:ext cx="8596668" cy="660400"/>
          </a:xfrm>
          <a:prstGeom prst="rect">
            <a:avLst/>
          </a:prstGeom>
        </p:spPr>
        <p:txBody>
          <a:bodyPr lIns="91375" tIns="45690" rIns="91375" bIns="45690"/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ctr"/>
            <a:r>
              <a:rPr lang="en-SG" b="1" dirty="0" err="1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IỆU</a:t>
            </a:r>
            <a:r>
              <a:rPr lang="en-SG" b="1" dirty="0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SG" b="1" dirty="0" err="1">
                <a:solidFill>
                  <a:srgbClr val="00B05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endParaRPr lang="en-SG" b="1" dirty="0">
              <a:solidFill>
                <a:srgbClr val="00B05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63" name="Google Shape;93;p1"/>
          <p:cNvPicPr preferRelativeResize="0"/>
          <p:nvPr/>
        </p:nvPicPr>
        <p:blipFill rotWithShape="1">
          <a:blip r:embed="rId2"/>
          <a:srcRect t="5579"/>
          <a:stretch>
            <a:fillRect/>
          </a:stretch>
        </p:blipFill>
        <p:spPr>
          <a:xfrm>
            <a:off x="-14403" y="1115426"/>
            <a:ext cx="1121435" cy="1330204"/>
          </a:xfrm>
          <a:prstGeom prst="rect">
            <a:avLst/>
          </a:prstGeom>
          <a:noFill/>
          <a:ln>
            <a:noFill/>
          </a:ln>
        </p:spPr>
      </p:pic>
      <p:pic>
        <p:nvPicPr>
          <p:cNvPr id="64" name="Google Shape;103;p1"/>
          <p:cNvPicPr preferRelativeResize="0"/>
          <p:nvPr/>
        </p:nvPicPr>
        <p:blipFill rotWithShape="1">
          <a:blip r:embed="rId3"/>
          <a:srcRect/>
          <a:stretch>
            <a:fillRect/>
          </a:stretch>
        </p:blipFill>
        <p:spPr>
          <a:xfrm rot="1081111">
            <a:off x="9045048" y="1144821"/>
            <a:ext cx="1572366" cy="1133423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Google Shape;92;p1"/>
          <p:cNvPicPr preferRelativeResize="0"/>
          <p:nvPr/>
        </p:nvPicPr>
        <p:blipFill rotWithShape="1">
          <a:blip r:embed="rId4"/>
          <a:srcRect/>
          <a:stretch>
            <a:fillRect/>
          </a:stretch>
        </p:blipFill>
        <p:spPr>
          <a:xfrm rot="1436287">
            <a:off x="-275042" y="204217"/>
            <a:ext cx="1427220" cy="1203567"/>
          </a:xfrm>
          <a:prstGeom prst="rect">
            <a:avLst/>
          </a:prstGeom>
          <a:noFill/>
          <a:ln>
            <a:noFill/>
          </a:ln>
        </p:spPr>
      </p:pic>
      <p:pic>
        <p:nvPicPr>
          <p:cNvPr id="3" name="Google Shape;99;p1"/>
          <p:cNvPicPr preferRelativeResize="0"/>
          <p:nvPr/>
        </p:nvPicPr>
        <p:blipFill rotWithShape="1">
          <a:blip r:embed="rId5"/>
          <a:srcRect/>
          <a:stretch>
            <a:fillRect/>
          </a:stretch>
        </p:blipFill>
        <p:spPr>
          <a:xfrm>
            <a:off x="10852168" y="-18944"/>
            <a:ext cx="1262690" cy="1191078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5" dur="500" fill="hold"/>
                                        <p:tgtEl>
                                          <p:spTgt spid="5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5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7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4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4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1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4" dur="5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5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8" dur="5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4" grpId="0" animBg="1"/>
      <p:bldP spid="45" grpId="0" animBg="1"/>
      <p:bldP spid="46" grpId="0" animBg="1"/>
      <p:bldP spid="47" grpId="0" animBg="1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/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p>
            <a:endParaRPr lang="en-US"/>
          </a:p>
        </p:txBody>
      </p:sp>
      <p:pic>
        <p:nvPicPr>
          <p:cNvPr id="5" name="Content Placeholder 4"/>
          <p:cNvPicPr>
            <a:picLocks noChangeAspect="1"/>
          </p:cNvPicPr>
          <p:nvPr>
            <p:ph idx="1"/>
          </p:nvPr>
        </p:nvPicPr>
        <p:blipFill>
          <a:blip r:embed="rId1"/>
          <a:stretch>
            <a:fillRect/>
          </a:stretch>
        </p:blipFill>
        <p:spPr>
          <a:xfrm>
            <a:off x="0" y="0"/>
            <a:ext cx="0" cy="0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1"/>
          <a:stretch>
            <a:fillRect/>
          </a:stretch>
        </p:blipFill>
        <p:spPr>
          <a:xfrm>
            <a:off x="0" y="173355"/>
            <a:ext cx="12192000" cy="6684645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Rectangle 3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76B3BE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vi-VN" dirty="0"/>
          </a:p>
        </p:txBody>
      </p:sp>
      <p:sp>
        <p:nvSpPr>
          <p:cNvPr id="5" name="Rectangle 4"/>
          <p:cNvSpPr/>
          <p:nvPr/>
        </p:nvSpPr>
        <p:spPr>
          <a:xfrm>
            <a:off x="390768" y="116657"/>
            <a:ext cx="11347939" cy="6471138"/>
          </a:xfrm>
          <a:prstGeom prst="rect">
            <a:avLst/>
          </a:prstGeom>
          <a:solidFill>
            <a:srgbClr val="36838F"/>
          </a:solidFill>
          <a:ln>
            <a:solidFill>
              <a:schemeClr val="accent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vi-VN" dirty="0"/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1"/>
          <a:stretch>
            <a:fillRect/>
          </a:stretch>
        </p:blipFill>
        <p:spPr>
          <a:xfrm>
            <a:off x="752475" y="347710"/>
            <a:ext cx="10629900" cy="6030912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3124203" y="1029375"/>
            <a:ext cx="4986748" cy="700746"/>
          </a:xfrm>
          <a:prstGeom prst="rect">
            <a:avLst/>
          </a:prstGeom>
          <a:solidFill>
            <a:srgbClr val="FDFDFD"/>
          </a:solidFill>
          <a:ln w="5715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vi-VN" sz="4400" b="1" dirty="0" smtClean="0">
                <a:solidFill>
                  <a:srgbClr val="ED0F1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 MỞ ĐẦU</a:t>
            </a:r>
            <a:endParaRPr lang="en-US" sz="4400" b="1" dirty="0">
              <a:solidFill>
                <a:srgbClr val="ED0F1C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Rectangle 10"/>
          <p:cNvSpPr/>
          <p:nvPr/>
        </p:nvSpPr>
        <p:spPr>
          <a:xfrm>
            <a:off x="1993174" y="3081048"/>
            <a:ext cx="3292929" cy="1551876"/>
          </a:xfrm>
          <a:prstGeom prst="rect">
            <a:avLst/>
          </a:prstGeom>
          <a:solidFill>
            <a:srgbClr val="FDFDFD"/>
          </a:solidFill>
          <a:ln w="5715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vi-VN" sz="2400" b="1" dirty="0" smtClean="0">
                <a:solidFill>
                  <a:srgbClr val="36838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.THỰC</a:t>
            </a:r>
            <a:r>
              <a:rPr lang="en-US" sz="2400" b="1" dirty="0" smtClean="0">
                <a:solidFill>
                  <a:srgbClr val="36838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vi-VN" sz="2400" b="1" dirty="0" smtClean="0">
                <a:solidFill>
                  <a:srgbClr val="36838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ẠNG BAN ĐẦU TRƯỚC KHI ÁP DỤNG BIỆN PHÁP</a:t>
            </a:r>
            <a:endParaRPr lang="en-US" sz="2400" b="1" dirty="0">
              <a:solidFill>
                <a:srgbClr val="36838F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2" name="Rectangle 11">
            <a:hlinkClick r:id="" action="ppaction://noaction"/>
          </p:cNvPr>
          <p:cNvSpPr/>
          <p:nvPr/>
        </p:nvSpPr>
        <p:spPr>
          <a:xfrm>
            <a:off x="6104709" y="3102996"/>
            <a:ext cx="3509554" cy="1512510"/>
          </a:xfrm>
          <a:prstGeom prst="rect">
            <a:avLst/>
          </a:prstGeom>
          <a:solidFill>
            <a:srgbClr val="FDFDFD"/>
          </a:solidFill>
          <a:ln w="5715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vi-VN" sz="2400" b="1" dirty="0" smtClean="0">
                <a:solidFill>
                  <a:srgbClr val="36838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 SỰ CẦN THIẾT PHẢI ÁP DỤNG BIỆN PHÁP</a:t>
            </a:r>
            <a:endParaRPr lang="en-US" sz="2400" b="1" dirty="0" smtClean="0">
              <a:solidFill>
                <a:srgbClr val="36838F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2400" b="1" dirty="0">
              <a:solidFill>
                <a:srgbClr val="36838F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cxnSp>
        <p:nvCxnSpPr>
          <p:cNvPr id="20" name="Straight Arrow Connector 19"/>
          <p:cNvCxnSpPr/>
          <p:nvPr/>
        </p:nvCxnSpPr>
        <p:spPr>
          <a:xfrm flipH="1">
            <a:off x="7758936" y="2241505"/>
            <a:ext cx="404" cy="878909"/>
          </a:xfrm>
          <a:prstGeom prst="straightConnector1">
            <a:avLst/>
          </a:prstGeom>
          <a:ln w="76200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1" name="Straight Arrow Connector 20"/>
          <p:cNvCxnSpPr/>
          <p:nvPr/>
        </p:nvCxnSpPr>
        <p:spPr>
          <a:xfrm>
            <a:off x="3551841" y="2284167"/>
            <a:ext cx="0" cy="805590"/>
          </a:xfrm>
          <a:prstGeom prst="straightConnector1">
            <a:avLst/>
          </a:prstGeom>
          <a:ln w="76200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Connector 8"/>
          <p:cNvCxnSpPr/>
          <p:nvPr/>
        </p:nvCxnSpPr>
        <p:spPr>
          <a:xfrm>
            <a:off x="5600159" y="1747539"/>
            <a:ext cx="0" cy="527919"/>
          </a:xfrm>
          <a:prstGeom prst="line">
            <a:avLst/>
          </a:prstGeom>
          <a:ln w="76200"/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4" name="Straight Connector 13"/>
          <p:cNvCxnSpPr/>
          <p:nvPr/>
        </p:nvCxnSpPr>
        <p:spPr>
          <a:xfrm>
            <a:off x="3525714" y="2275458"/>
            <a:ext cx="4269007" cy="0"/>
          </a:xfrm>
          <a:prstGeom prst="line">
            <a:avLst/>
          </a:prstGeom>
          <a:ln w="76200"/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bldLvl="0" animBg="1"/>
      <p:bldP spid="12" grpId="0" bldLvl="0" animBg="1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2"/>
          <p:cNvSpPr>
            <a:spLocks noChangeArrowheads="1"/>
          </p:cNvSpPr>
          <p:nvPr/>
        </p:nvSpPr>
        <p:spPr bwMode="auto">
          <a:xfrm>
            <a:off x="0" y="0"/>
            <a:ext cx="27009968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spAutoFit/>
          </a:bodyPr>
          <a:lstStyle/>
          <a:p>
            <a:pPr marL="0" marR="0" lvl="0" indent="0" algn="l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endParaRPr kumimoji="0" lang="vi-VN" sz="19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 panose="020B0604020202020204" pitchFamily="34" charset="0"/>
              <a:ea typeface="+mn-ea"/>
              <a:cs typeface="+mn-cs"/>
            </a:endParaRPr>
          </a:p>
        </p:txBody>
      </p:sp>
      <p:graphicFrame>
        <p:nvGraphicFramePr>
          <p:cNvPr id="8" name="Object 7"/>
          <p:cNvGraphicFramePr/>
          <p:nvPr/>
        </p:nvGraphicFramePr>
        <p:xfrm>
          <a:off x="1262184" y="-81109"/>
          <a:ext cx="9489440" cy="633793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" name="Chart" r:id="rId1" imgW="4895850" imgH="2647950" progId="Excel.Chart.8">
                  <p:embed/>
                </p:oleObj>
              </mc:Choice>
              <mc:Fallback>
                <p:oleObj name="Chart" r:id="rId1" imgW="4895850" imgH="2647950" progId="Excel.Chart.8">
                  <p:embed/>
                  <p:pic>
                    <p:nvPicPr>
                      <p:cNvPr id="0" name="Object 7"/>
                      <p:cNvPicPr>
                        <a:picLocks noChangeArrowheads="1"/>
                      </p:cNvPicPr>
                      <p:nvPr/>
                    </p:nvPicPr>
                    <p:blipFill>
                      <a:blip r:embed="rId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262184" y="-81109"/>
                        <a:ext cx="9489440" cy="633793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</p:spTree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"/>
          <p:cNvPicPr preferRelativeResize="0"/>
          <p:nvPr/>
        </p:nvPicPr>
        <p:blipFill rotWithShape="1">
          <a:blip r:embed="rId1"/>
          <a:srcRect t="10827" r="779" b="49685"/>
          <a:stretch>
            <a:fillRect/>
          </a:stretch>
        </p:blipFill>
        <p:spPr>
          <a:xfrm>
            <a:off x="-15601" y="125898"/>
            <a:ext cx="12192000" cy="6858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89" name="Google Shape;89;p1"/>
          <p:cNvPicPr preferRelativeResize="0"/>
          <p:nvPr/>
        </p:nvPicPr>
        <p:blipFill rotWithShape="1">
          <a:blip r:embed="rId2"/>
          <a:srcRect/>
          <a:stretch>
            <a:fillRect/>
          </a:stretch>
        </p:blipFill>
        <p:spPr>
          <a:xfrm>
            <a:off x="2305585" y="5982809"/>
            <a:ext cx="3548515" cy="1117783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"/>
          <p:cNvPicPr preferRelativeResize="0"/>
          <p:nvPr/>
        </p:nvPicPr>
        <p:blipFill rotWithShape="1">
          <a:blip r:embed="rId3"/>
          <a:srcRect l="13867" r="4696"/>
          <a:stretch>
            <a:fillRect/>
          </a:stretch>
        </p:blipFill>
        <p:spPr>
          <a:xfrm>
            <a:off x="-163430" y="4446539"/>
            <a:ext cx="3375831" cy="2537359"/>
          </a:xfrm>
          <a:prstGeom prst="rect">
            <a:avLst/>
          </a:prstGeom>
          <a:noFill/>
          <a:ln>
            <a:noFill/>
          </a:ln>
        </p:spPr>
      </p:pic>
      <p:pic>
        <p:nvPicPr>
          <p:cNvPr id="91" name="Google Shape;91;p1"/>
          <p:cNvPicPr preferRelativeResize="0"/>
          <p:nvPr/>
        </p:nvPicPr>
        <p:blipFill rotWithShape="1">
          <a:blip r:embed="rId4">
            <a:alphaModFix amt="48000"/>
          </a:blip>
          <a:srcRect/>
          <a:stretch>
            <a:fillRect/>
          </a:stretch>
        </p:blipFill>
        <p:spPr>
          <a:xfrm rot="1666314">
            <a:off x="399599" y="2539731"/>
            <a:ext cx="3811972" cy="1080967"/>
          </a:xfrm>
          <a:prstGeom prst="rect">
            <a:avLst/>
          </a:prstGeom>
          <a:noFill/>
          <a:ln>
            <a:noFill/>
          </a:ln>
        </p:spPr>
      </p:pic>
      <p:pic>
        <p:nvPicPr>
          <p:cNvPr id="92" name="Google Shape;92;p1"/>
          <p:cNvPicPr preferRelativeResize="0"/>
          <p:nvPr/>
        </p:nvPicPr>
        <p:blipFill rotWithShape="1">
          <a:blip r:embed="rId5"/>
          <a:srcRect/>
          <a:stretch>
            <a:fillRect/>
          </a:stretch>
        </p:blipFill>
        <p:spPr>
          <a:xfrm rot="1436287">
            <a:off x="-1946812" y="-681408"/>
            <a:ext cx="4160711" cy="3271359"/>
          </a:xfrm>
          <a:prstGeom prst="rect">
            <a:avLst/>
          </a:prstGeom>
          <a:noFill/>
          <a:ln>
            <a:noFill/>
          </a:ln>
        </p:spPr>
      </p:pic>
      <p:pic>
        <p:nvPicPr>
          <p:cNvPr id="93" name="Google Shape;93;p1"/>
          <p:cNvPicPr preferRelativeResize="0"/>
          <p:nvPr/>
        </p:nvPicPr>
        <p:blipFill rotWithShape="1">
          <a:blip r:embed="rId6"/>
          <a:srcRect t="5579"/>
          <a:stretch>
            <a:fillRect/>
          </a:stretch>
        </p:blipFill>
        <p:spPr>
          <a:xfrm>
            <a:off x="123346" y="4010889"/>
            <a:ext cx="1121435" cy="1330204"/>
          </a:xfrm>
          <a:prstGeom prst="rect">
            <a:avLst/>
          </a:prstGeom>
          <a:noFill/>
          <a:ln>
            <a:noFill/>
          </a:ln>
        </p:spPr>
      </p:pic>
      <p:pic>
        <p:nvPicPr>
          <p:cNvPr id="94" name="Google Shape;94;p1"/>
          <p:cNvPicPr preferRelativeResize="0"/>
          <p:nvPr/>
        </p:nvPicPr>
        <p:blipFill rotWithShape="1">
          <a:blip r:embed="rId7"/>
          <a:srcRect/>
          <a:stretch>
            <a:fillRect/>
          </a:stretch>
        </p:blipFill>
        <p:spPr>
          <a:xfrm>
            <a:off x="182274" y="5328469"/>
            <a:ext cx="3311523" cy="1521921"/>
          </a:xfrm>
          <a:prstGeom prst="rect">
            <a:avLst/>
          </a:prstGeom>
          <a:noFill/>
          <a:ln>
            <a:noFill/>
          </a:ln>
        </p:spPr>
      </p:pic>
      <p:pic>
        <p:nvPicPr>
          <p:cNvPr id="95" name="Google Shape;95;p1"/>
          <p:cNvPicPr preferRelativeResize="0"/>
          <p:nvPr/>
        </p:nvPicPr>
        <p:blipFill rotWithShape="1">
          <a:blip r:embed="rId3"/>
          <a:srcRect/>
          <a:stretch>
            <a:fillRect/>
          </a:stretch>
        </p:blipFill>
        <p:spPr>
          <a:xfrm>
            <a:off x="5442511" y="5876697"/>
            <a:ext cx="1706071" cy="1044257"/>
          </a:xfrm>
          <a:prstGeom prst="rect">
            <a:avLst/>
          </a:prstGeom>
          <a:noFill/>
          <a:ln>
            <a:noFill/>
          </a:ln>
        </p:spPr>
      </p:pic>
      <p:pic>
        <p:nvPicPr>
          <p:cNvPr id="96" name="Google Shape;96;p1"/>
          <p:cNvPicPr preferRelativeResize="0"/>
          <p:nvPr/>
        </p:nvPicPr>
        <p:blipFill rotWithShape="1">
          <a:blip r:embed="rId8">
            <a:alphaModFix amt="48000"/>
          </a:blip>
          <a:srcRect/>
          <a:stretch>
            <a:fillRect/>
          </a:stretch>
        </p:blipFill>
        <p:spPr>
          <a:xfrm>
            <a:off x="8535926" y="1373233"/>
            <a:ext cx="5268441" cy="3413951"/>
          </a:xfrm>
          <a:prstGeom prst="rect">
            <a:avLst/>
          </a:prstGeom>
          <a:noFill/>
          <a:ln>
            <a:noFill/>
          </a:ln>
        </p:spPr>
      </p:pic>
      <p:pic>
        <p:nvPicPr>
          <p:cNvPr id="97" name="Google Shape;97;p1"/>
          <p:cNvPicPr preferRelativeResize="0"/>
          <p:nvPr/>
        </p:nvPicPr>
        <p:blipFill rotWithShape="1">
          <a:blip r:embed="rId9"/>
          <a:srcRect/>
          <a:stretch>
            <a:fillRect/>
          </a:stretch>
        </p:blipFill>
        <p:spPr>
          <a:xfrm>
            <a:off x="9648807" y="4286637"/>
            <a:ext cx="3714788" cy="2813952"/>
          </a:xfrm>
          <a:prstGeom prst="rect">
            <a:avLst/>
          </a:prstGeom>
          <a:noFill/>
          <a:ln>
            <a:noFill/>
          </a:ln>
        </p:spPr>
      </p:pic>
      <p:pic>
        <p:nvPicPr>
          <p:cNvPr id="98" name="Google Shape;98;p1"/>
          <p:cNvPicPr preferRelativeResize="0"/>
          <p:nvPr/>
        </p:nvPicPr>
        <p:blipFill rotWithShape="1">
          <a:blip r:embed="rId10"/>
          <a:srcRect/>
          <a:stretch>
            <a:fillRect/>
          </a:stretch>
        </p:blipFill>
        <p:spPr>
          <a:xfrm>
            <a:off x="9462165" y="6"/>
            <a:ext cx="4088083" cy="1124223"/>
          </a:xfrm>
          <a:prstGeom prst="rect">
            <a:avLst/>
          </a:prstGeom>
          <a:noFill/>
          <a:ln>
            <a:noFill/>
          </a:ln>
        </p:spPr>
      </p:pic>
      <p:pic>
        <p:nvPicPr>
          <p:cNvPr id="99" name="Google Shape;99;p1"/>
          <p:cNvPicPr preferRelativeResize="0"/>
          <p:nvPr/>
        </p:nvPicPr>
        <p:blipFill rotWithShape="1">
          <a:blip r:embed="rId11"/>
          <a:srcRect/>
          <a:stretch>
            <a:fillRect/>
          </a:stretch>
        </p:blipFill>
        <p:spPr>
          <a:xfrm>
            <a:off x="10267983" y="1198162"/>
            <a:ext cx="2476439" cy="2394407"/>
          </a:xfrm>
          <a:prstGeom prst="rect">
            <a:avLst/>
          </a:prstGeom>
          <a:noFill/>
          <a:ln>
            <a:noFill/>
          </a:ln>
        </p:spPr>
      </p:pic>
      <p:grpSp>
        <p:nvGrpSpPr>
          <p:cNvPr id="100" name="Google Shape;100;p1"/>
          <p:cNvGrpSpPr/>
          <p:nvPr/>
        </p:nvGrpSpPr>
        <p:grpSpPr>
          <a:xfrm>
            <a:off x="7886165" y="5813751"/>
            <a:ext cx="1576001" cy="1170147"/>
            <a:chOff x="0" y="0"/>
            <a:chExt cx="3152003" cy="2340294"/>
          </a:xfrm>
        </p:grpSpPr>
        <p:pic>
          <p:nvPicPr>
            <p:cNvPr id="101" name="Google Shape;101;p1"/>
            <p:cNvPicPr preferRelativeResize="0"/>
            <p:nvPr/>
          </p:nvPicPr>
          <p:blipFill rotWithShape="1">
            <a:blip r:embed="rId12">
              <a:alphaModFix amt="18000"/>
            </a:blip>
            <a:srcRect/>
            <a:stretch>
              <a:fillRect/>
            </a:stretch>
          </p:blipFill>
          <p:spPr>
            <a:xfrm rot="10800000">
              <a:off x="0" y="1080409"/>
              <a:ext cx="3152003" cy="1259885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102" name="Google Shape;102;p1"/>
            <p:cNvPicPr preferRelativeResize="0"/>
            <p:nvPr/>
          </p:nvPicPr>
          <p:blipFill rotWithShape="1">
            <a:blip r:embed="rId12"/>
            <a:srcRect/>
            <a:stretch>
              <a:fillRect/>
            </a:stretch>
          </p:blipFill>
          <p:spPr>
            <a:xfrm>
              <a:off x="0" y="0"/>
              <a:ext cx="3152003" cy="1259885"/>
            </a:xfrm>
            <a:prstGeom prst="rect">
              <a:avLst/>
            </a:prstGeom>
            <a:noFill/>
            <a:ln>
              <a:noFill/>
            </a:ln>
          </p:spPr>
        </p:pic>
      </p:grpSp>
      <p:pic>
        <p:nvPicPr>
          <p:cNvPr id="103" name="Google Shape;103;p1"/>
          <p:cNvPicPr preferRelativeResize="0"/>
          <p:nvPr/>
        </p:nvPicPr>
        <p:blipFill rotWithShape="1">
          <a:blip r:embed="rId13"/>
          <a:srcRect/>
          <a:stretch>
            <a:fillRect/>
          </a:stretch>
        </p:blipFill>
        <p:spPr>
          <a:xfrm>
            <a:off x="9593378" y="1198162"/>
            <a:ext cx="1233975" cy="807204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" name="Google Shape;104;p1"/>
          <p:cNvPicPr preferRelativeResize="0"/>
          <p:nvPr/>
        </p:nvPicPr>
        <p:blipFill rotWithShape="1">
          <a:blip r:embed="rId14">
            <a:alphaModFix amt="52000"/>
          </a:blip>
          <a:srcRect/>
          <a:stretch>
            <a:fillRect/>
          </a:stretch>
        </p:blipFill>
        <p:spPr>
          <a:xfrm>
            <a:off x="2698641" y="-248136"/>
            <a:ext cx="5983361" cy="810247"/>
          </a:xfrm>
          <a:prstGeom prst="rect">
            <a:avLst/>
          </a:prstGeom>
          <a:noFill/>
          <a:ln>
            <a:noFill/>
          </a:ln>
        </p:spPr>
      </p:pic>
      <p:sp>
        <p:nvSpPr>
          <p:cNvPr id="112" name="Google Shape;112;p1"/>
          <p:cNvSpPr txBox="1"/>
          <p:nvPr/>
        </p:nvSpPr>
        <p:spPr>
          <a:xfrm>
            <a:off x="1313247" y="391977"/>
            <a:ext cx="8754147" cy="7386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algn="ctr" defTabSz="608965">
              <a:buClr>
                <a:srgbClr val="000000"/>
              </a:buClr>
            </a:pPr>
            <a:r>
              <a:rPr lang="en-US" sz="48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ÀI</a:t>
            </a:r>
            <a:r>
              <a:rPr lang="en-US" sz="48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IỆU</a:t>
            </a:r>
            <a:r>
              <a:rPr lang="en-US" sz="48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48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ẢO</a:t>
            </a:r>
            <a:endParaRPr sz="4800" b="1" kern="0" dirty="0">
              <a:ln w="19050">
                <a:solidFill>
                  <a:srgbClr val="EEECE1">
                    <a:tint val="1000"/>
                  </a:srgbClr>
                </a:solidFill>
                <a:prstDash val="solid"/>
              </a:ln>
              <a:solidFill>
                <a:srgbClr val="1F497D"/>
              </a:solidFill>
              <a:effectLst>
                <a:outerShdw blurRad="50000" dist="50800" dir="7500000" algn="tl">
                  <a:srgbClr val="000000">
                    <a:shade val="5000"/>
                    <a:alpha val="35000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  <a:sym typeface="Arial" panose="020B0604020202020204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794613" y="1906259"/>
            <a:ext cx="11220450" cy="343170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algn="just">
              <a:lnSpc>
                <a:spcPct val="150000"/>
              </a:lnSpc>
              <a:spcBef>
                <a:spcPts val="600"/>
              </a:spcBef>
              <a:spcAft>
                <a:spcPts val="600"/>
              </a:spcAft>
            </a:pP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- 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5"/>
              </a:rPr>
              <a:t>https://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5"/>
              </a:rPr>
              <a:t>wikimaytinh.com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5"/>
              </a:rPr>
              <a:t>/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5"/>
              </a:rPr>
              <a:t>cach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5"/>
              </a:rPr>
              <a:t>-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5"/>
              </a:rPr>
              <a:t>su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5"/>
              </a:rPr>
              <a:t>-dung-notepad-plus-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5"/>
              </a:rPr>
              <a:t>plus.html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5"/>
              </a:rPr>
              <a:t>: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cách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sử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dụng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Notepad++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cơ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bản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và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nâng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cao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endParaRPr lang="en-US" sz="1800" dirty="0">
              <a:effectLst/>
              <a:latin typeface="Times New Roman" panose="02020603050405020304" pitchFamily="18" charset="0"/>
              <a:ea typeface="SimSun" panose="02010600030101010101" pitchFamily="2" charset="-122"/>
            </a:endParaRPr>
          </a:p>
          <a:p>
            <a:pPr marL="457200" algn="just">
              <a:lnSpc>
                <a:spcPct val="150000"/>
              </a:lnSpc>
              <a:spcBef>
                <a:spcPts val="600"/>
              </a:spcBef>
              <a:spcAft>
                <a:spcPts val="600"/>
              </a:spcAft>
            </a:pP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- 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https://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docs.bitlearn.vn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/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tien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-ich/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huong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-dan-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cai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-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dat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-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ispring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-phan-mem-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soan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6"/>
              </a:rPr>
              <a:t>-bai-e-learning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 </a:t>
            </a:r>
            <a:endParaRPr lang="en-US" sz="1800" dirty="0">
              <a:effectLst/>
              <a:latin typeface="Times New Roman" panose="02020603050405020304" pitchFamily="18" charset="0"/>
              <a:ea typeface="SimSun" panose="02010600030101010101" pitchFamily="2" charset="-122"/>
            </a:endParaRPr>
          </a:p>
          <a:p>
            <a:pPr marL="457200" algn="just">
              <a:lnSpc>
                <a:spcPct val="150000"/>
              </a:lnSpc>
              <a:spcBef>
                <a:spcPts val="600"/>
              </a:spcBef>
              <a:spcAft>
                <a:spcPts val="600"/>
              </a:spcAft>
            </a:pP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- 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https://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itviec.com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/blog/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tu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-hoc-lap-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trinh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-android-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cho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-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nguoi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-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moi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-bat-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dau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7"/>
              </a:rPr>
              <a:t>/</a:t>
            </a:r>
            <a:endParaRPr lang="en-US" sz="1800" dirty="0">
              <a:effectLst/>
              <a:latin typeface="Times New Roman" panose="02020603050405020304" pitchFamily="18" charset="0"/>
              <a:ea typeface="SimSun" panose="02010600030101010101" pitchFamily="2" charset="-122"/>
            </a:endParaRPr>
          </a:p>
          <a:p>
            <a:pPr marL="457200" algn="just">
              <a:lnSpc>
                <a:spcPct val="150000"/>
              </a:lnSpc>
              <a:spcBef>
                <a:spcPts val="600"/>
              </a:spcBef>
              <a:spcAft>
                <a:spcPts val="600"/>
              </a:spcAft>
            </a:pP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-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Sách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giáo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khoa: Khoa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học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tự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nhiên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8-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Chân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trời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sáng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tạo</a:t>
            </a:r>
            <a:endParaRPr lang="en-US" sz="1800" dirty="0">
              <a:effectLst/>
              <a:latin typeface="Times New Roman" panose="02020603050405020304" pitchFamily="18" charset="0"/>
              <a:ea typeface="SimSun" panose="02010600030101010101" pitchFamily="2" charset="-122"/>
            </a:endParaRPr>
          </a:p>
          <a:p>
            <a:pPr marL="457200">
              <a:lnSpc>
                <a:spcPct val="150000"/>
              </a:lnSpc>
              <a:spcBef>
                <a:spcPts val="600"/>
              </a:spcBef>
              <a:spcAft>
                <a:spcPts val="600"/>
              </a:spcAft>
            </a:pP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-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Hình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ảnh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bảng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tuần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hoàn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các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nguyên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tố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hóa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học</a:t>
            </a:r>
            <a:r>
              <a:rPr lang="en-US" sz="1800" dirty="0">
                <a:effectLst/>
                <a:latin typeface="Times New Roman" panose="02020603050405020304" pitchFamily="18" charset="0"/>
                <a:ea typeface="SimSun" panose="02010600030101010101" pitchFamily="2" charset="-122"/>
              </a:rPr>
              <a:t>: 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8"/>
              </a:rPr>
              <a:t>https://</a:t>
            </a:r>
            <a:r>
              <a:rPr lang="en-US" sz="1800" u="sng" dirty="0" err="1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8"/>
              </a:rPr>
              <a:t>images.search.yahoo.com</a:t>
            </a:r>
            <a:r>
              <a:rPr lang="en-US" sz="1800" u="sng" dirty="0">
                <a:solidFill>
                  <a:srgbClr val="0000FF"/>
                </a:solidFill>
                <a:effectLst/>
                <a:latin typeface="Times New Roman" panose="02020603050405020304" pitchFamily="18" charset="0"/>
                <a:ea typeface="SimSun" panose="02010600030101010101" pitchFamily="2" charset="-122"/>
                <a:hlinkClick r:id="rId18"/>
              </a:rPr>
              <a:t>/search/images;</a:t>
            </a:r>
            <a:endParaRPr lang="en-US" sz="1800" dirty="0">
              <a:effectLst/>
              <a:latin typeface="Times New Roman" panose="02020603050405020304" pitchFamily="18" charset="0"/>
              <a:ea typeface="SimSun" panose="02010600030101010101" pitchFamily="2" charset="-122"/>
            </a:endParaRPr>
          </a:p>
          <a:p>
            <a:br>
              <a:rPr lang="en-US" sz="1800" dirty="0">
                <a:solidFill>
                  <a:srgbClr val="000000"/>
                </a:solidFill>
                <a:effectLst/>
                <a:highlight>
                  <a:srgbClr val="5B5B5B"/>
                </a:highlight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dirty="0"/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ntr" presetSubtype="2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7" dur="500"/>
                                        <p:tgtEl>
                                          <p:spTgt spid="1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2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2" grpId="0"/>
      <p:bldP spid="3" grpId="0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2783" name="Picture 15" descr="xmaslights"/>
          <p:cNvPicPr>
            <a:picLocks noChangeAspect="1" noChangeArrowheads="1" noCrop="1"/>
          </p:cNvPicPr>
          <p:nvPr/>
        </p:nvPicPr>
        <p:blipFill>
          <a:blip r:embed="rId1"/>
          <a:srcRect/>
          <a:stretch>
            <a:fillRect/>
          </a:stretch>
        </p:blipFill>
        <p:spPr bwMode="auto">
          <a:xfrm>
            <a:off x="0" y="0"/>
            <a:ext cx="12192000" cy="762000"/>
          </a:xfrm>
          <a:prstGeom prst="rect">
            <a:avLst/>
          </a:prstGeom>
          <a:noFill/>
        </p:spPr>
      </p:pic>
      <p:sp>
        <p:nvSpPr>
          <p:cNvPr id="4115" name="AutoShape 19"/>
          <p:cNvSpPr>
            <a:spLocks noChangeArrowheads="1"/>
          </p:cNvSpPr>
          <p:nvPr/>
        </p:nvSpPr>
        <p:spPr bwMode="auto">
          <a:xfrm>
            <a:off x="2235200" y="5410200"/>
            <a:ext cx="914400" cy="533400"/>
          </a:xfrm>
          <a:prstGeom prst="star5">
            <a:avLst/>
          </a:prstGeom>
          <a:gradFill rotWithShape="1">
            <a:gsLst>
              <a:gs pos="0">
                <a:srgbClr val="008000"/>
              </a:gs>
              <a:gs pos="100000">
                <a:srgbClr val="FF00FF"/>
              </a:gs>
            </a:gsLst>
            <a:lin ang="5400000" scaled="1"/>
          </a:gradFill>
          <a:ln>
            <a:noFill/>
          </a:ln>
          <a:effectLst/>
        </p:spPr>
        <p:txBody>
          <a:bodyPr wrap="none" lIns="91438" tIns="45719" rIns="91438" bIns="45719" anchor="ctr"/>
          <a:lstStyle/>
          <a:p>
            <a:pPr algn="ctr" defTabSz="914400">
              <a:defRPr/>
            </a:pPr>
            <a:endParaRPr lang="vi-VN">
              <a:solidFill>
                <a:prstClr val="black"/>
              </a:solidFill>
            </a:endParaRPr>
          </a:p>
        </p:txBody>
      </p:sp>
      <p:sp>
        <p:nvSpPr>
          <p:cNvPr id="4111" name="AutoShape 15"/>
          <p:cNvSpPr>
            <a:spLocks noChangeArrowheads="1"/>
          </p:cNvSpPr>
          <p:nvPr/>
        </p:nvSpPr>
        <p:spPr bwMode="auto">
          <a:xfrm>
            <a:off x="5080000" y="838200"/>
            <a:ext cx="508000" cy="381000"/>
          </a:xfrm>
          <a:prstGeom prst="star5">
            <a:avLst/>
          </a:prstGeom>
          <a:gradFill rotWithShape="1">
            <a:gsLst>
              <a:gs pos="0">
                <a:srgbClr val="FFFF00"/>
              </a:gs>
              <a:gs pos="100000">
                <a:srgbClr val="1907FD"/>
              </a:gs>
            </a:gsLst>
            <a:path path="shape">
              <a:fillToRect l="50000" t="50000" r="50000" b="50000"/>
            </a:path>
          </a:gradFill>
          <a:ln>
            <a:noFill/>
          </a:ln>
          <a:effectLst/>
        </p:spPr>
        <p:txBody>
          <a:bodyPr wrap="none" lIns="91438" tIns="45719" rIns="91438" bIns="45719" anchor="ctr"/>
          <a:lstStyle/>
          <a:p>
            <a:pPr algn="ctr" defTabSz="914400">
              <a:defRPr/>
            </a:pPr>
            <a:endParaRPr lang="vi-VN">
              <a:solidFill>
                <a:prstClr val="black"/>
              </a:solidFill>
            </a:endParaRPr>
          </a:p>
        </p:txBody>
      </p:sp>
      <p:sp>
        <p:nvSpPr>
          <p:cNvPr id="2" name="AutoShape 19"/>
          <p:cNvSpPr>
            <a:spLocks noChangeArrowheads="1"/>
          </p:cNvSpPr>
          <p:nvPr/>
        </p:nvSpPr>
        <p:spPr bwMode="auto">
          <a:xfrm>
            <a:off x="5689600" y="5867400"/>
            <a:ext cx="914400" cy="533400"/>
          </a:xfrm>
          <a:prstGeom prst="star5">
            <a:avLst/>
          </a:prstGeom>
          <a:gradFill rotWithShape="1">
            <a:gsLst>
              <a:gs pos="0">
                <a:srgbClr val="008000"/>
              </a:gs>
              <a:gs pos="100000">
                <a:srgbClr val="FF00FF"/>
              </a:gs>
            </a:gsLst>
            <a:lin ang="5400000" scaled="1"/>
          </a:gradFill>
          <a:ln>
            <a:noFill/>
          </a:ln>
          <a:effectLst/>
        </p:spPr>
        <p:txBody>
          <a:bodyPr wrap="none" lIns="91438" tIns="45719" rIns="91438" bIns="45719" anchor="ctr"/>
          <a:lstStyle/>
          <a:p>
            <a:pPr algn="ctr" defTabSz="914400">
              <a:defRPr/>
            </a:pPr>
            <a:endParaRPr lang="vi-VN">
              <a:solidFill>
                <a:prstClr val="black"/>
              </a:solidFill>
            </a:endParaRPr>
          </a:p>
        </p:txBody>
      </p:sp>
      <p:sp>
        <p:nvSpPr>
          <p:cNvPr id="4" name="AutoShape 18"/>
          <p:cNvSpPr>
            <a:spLocks noChangeArrowheads="1"/>
          </p:cNvSpPr>
          <p:nvPr/>
        </p:nvSpPr>
        <p:spPr bwMode="auto">
          <a:xfrm>
            <a:off x="8128000" y="2057401"/>
            <a:ext cx="609600" cy="390525"/>
          </a:xfrm>
          <a:prstGeom prst="irregularSeal1">
            <a:avLst/>
          </a:prstGeom>
          <a:gradFill rotWithShape="1">
            <a:gsLst>
              <a:gs pos="0">
                <a:srgbClr val="FFFF00"/>
              </a:gs>
              <a:gs pos="100000">
                <a:srgbClr val="FF0000"/>
              </a:gs>
            </a:gsLst>
            <a:path path="shape">
              <a:fillToRect l="50000" t="50000" r="50000" b="50000"/>
            </a:path>
          </a:gradFill>
          <a:ln w="9525">
            <a:noFill/>
            <a:miter lim="800000"/>
          </a:ln>
        </p:spPr>
        <p:txBody>
          <a:bodyPr wrap="none" lIns="91438" tIns="45719" rIns="91438" bIns="45719" anchor="ctr"/>
          <a:lstStyle/>
          <a:p>
            <a:pPr algn="ctr" defTabSz="914400"/>
            <a:endParaRPr lang="vi-VN">
              <a:solidFill>
                <a:prstClr val="black"/>
              </a:solidFill>
            </a:endParaRPr>
          </a:p>
        </p:txBody>
      </p:sp>
      <p:sp>
        <p:nvSpPr>
          <p:cNvPr id="5" name="AutoShape 18"/>
          <p:cNvSpPr>
            <a:spLocks noChangeArrowheads="1"/>
          </p:cNvSpPr>
          <p:nvPr/>
        </p:nvSpPr>
        <p:spPr bwMode="auto">
          <a:xfrm>
            <a:off x="9550400" y="4724406"/>
            <a:ext cx="609600" cy="390525"/>
          </a:xfrm>
          <a:prstGeom prst="irregularSeal1">
            <a:avLst/>
          </a:prstGeom>
          <a:gradFill rotWithShape="1">
            <a:gsLst>
              <a:gs pos="0">
                <a:srgbClr val="FFFF00"/>
              </a:gs>
              <a:gs pos="100000">
                <a:srgbClr val="FF0000"/>
              </a:gs>
            </a:gsLst>
            <a:path path="shape">
              <a:fillToRect l="50000" t="50000" r="50000" b="50000"/>
            </a:path>
          </a:gradFill>
          <a:ln w="9525">
            <a:noFill/>
            <a:miter lim="800000"/>
          </a:ln>
        </p:spPr>
        <p:txBody>
          <a:bodyPr wrap="none" lIns="91438" tIns="45719" rIns="91438" bIns="45719" anchor="ctr"/>
          <a:lstStyle/>
          <a:p>
            <a:pPr algn="ctr" defTabSz="914400"/>
            <a:endParaRPr lang="vi-VN">
              <a:solidFill>
                <a:prstClr val="black"/>
              </a:solidFill>
            </a:endParaRPr>
          </a:p>
        </p:txBody>
      </p:sp>
      <p:sp>
        <p:nvSpPr>
          <p:cNvPr id="6" name="AutoShape 18"/>
          <p:cNvSpPr>
            <a:spLocks noChangeArrowheads="1"/>
          </p:cNvSpPr>
          <p:nvPr/>
        </p:nvSpPr>
        <p:spPr bwMode="auto">
          <a:xfrm>
            <a:off x="4267200" y="1752601"/>
            <a:ext cx="609600" cy="390525"/>
          </a:xfrm>
          <a:prstGeom prst="irregularSeal1">
            <a:avLst/>
          </a:prstGeom>
          <a:gradFill rotWithShape="1">
            <a:gsLst>
              <a:gs pos="0">
                <a:srgbClr val="FFFF00"/>
              </a:gs>
              <a:gs pos="100000">
                <a:srgbClr val="FF0000"/>
              </a:gs>
            </a:gsLst>
            <a:path path="shape">
              <a:fillToRect l="50000" t="50000" r="50000" b="50000"/>
            </a:path>
          </a:gradFill>
          <a:ln w="9525">
            <a:noFill/>
            <a:miter lim="800000"/>
          </a:ln>
        </p:spPr>
        <p:txBody>
          <a:bodyPr wrap="none" lIns="91438" tIns="45719" rIns="91438" bIns="45719" anchor="ctr"/>
          <a:lstStyle/>
          <a:p>
            <a:pPr algn="ctr" defTabSz="914400"/>
            <a:endParaRPr lang="vi-VN">
              <a:solidFill>
                <a:prstClr val="black"/>
              </a:solidFill>
            </a:endParaRPr>
          </a:p>
        </p:txBody>
      </p:sp>
      <p:sp>
        <p:nvSpPr>
          <p:cNvPr id="7" name="AutoShape 19"/>
          <p:cNvSpPr>
            <a:spLocks noChangeArrowheads="1"/>
          </p:cNvSpPr>
          <p:nvPr/>
        </p:nvSpPr>
        <p:spPr bwMode="auto">
          <a:xfrm>
            <a:off x="9093200" y="685800"/>
            <a:ext cx="914400" cy="533400"/>
          </a:xfrm>
          <a:prstGeom prst="star5">
            <a:avLst/>
          </a:prstGeom>
          <a:gradFill rotWithShape="1">
            <a:gsLst>
              <a:gs pos="0">
                <a:srgbClr val="008000"/>
              </a:gs>
              <a:gs pos="100000">
                <a:srgbClr val="FF00FF"/>
              </a:gs>
            </a:gsLst>
            <a:lin ang="5400000" scaled="1"/>
          </a:gradFill>
          <a:ln>
            <a:noFill/>
          </a:ln>
          <a:effectLst/>
        </p:spPr>
        <p:txBody>
          <a:bodyPr wrap="none" lIns="91438" tIns="45719" rIns="91438" bIns="45719" anchor="ctr"/>
          <a:lstStyle/>
          <a:p>
            <a:pPr algn="ctr" defTabSz="914400">
              <a:defRPr/>
            </a:pPr>
            <a:endParaRPr lang="vi-VN">
              <a:solidFill>
                <a:prstClr val="black"/>
              </a:solidFill>
            </a:endParaRPr>
          </a:p>
        </p:txBody>
      </p:sp>
      <p:sp>
        <p:nvSpPr>
          <p:cNvPr id="8" name="AutoShape 19"/>
          <p:cNvSpPr>
            <a:spLocks noChangeArrowheads="1"/>
          </p:cNvSpPr>
          <p:nvPr/>
        </p:nvSpPr>
        <p:spPr bwMode="auto">
          <a:xfrm>
            <a:off x="10566400" y="3962400"/>
            <a:ext cx="914400" cy="533400"/>
          </a:xfrm>
          <a:prstGeom prst="star5">
            <a:avLst/>
          </a:prstGeom>
          <a:gradFill rotWithShape="1">
            <a:gsLst>
              <a:gs pos="0">
                <a:srgbClr val="008000"/>
              </a:gs>
              <a:gs pos="100000">
                <a:srgbClr val="FF00FF"/>
              </a:gs>
            </a:gsLst>
            <a:lin ang="5400000" scaled="1"/>
          </a:gradFill>
          <a:ln>
            <a:noFill/>
          </a:ln>
          <a:effectLst/>
        </p:spPr>
        <p:txBody>
          <a:bodyPr wrap="none" lIns="91438" tIns="45719" rIns="91438" bIns="45719" anchor="ctr"/>
          <a:lstStyle/>
          <a:p>
            <a:pPr algn="ctr" defTabSz="914400">
              <a:defRPr/>
            </a:pPr>
            <a:endParaRPr lang="vi-VN">
              <a:solidFill>
                <a:prstClr val="black"/>
              </a:solidFill>
            </a:endParaRPr>
          </a:p>
        </p:txBody>
      </p:sp>
      <p:pic>
        <p:nvPicPr>
          <p:cNvPr id="20" name="Picture 17" descr="addemoticons172"/>
          <p:cNvPicPr>
            <a:picLocks noChangeAspect="1" noChangeArrowheads="1" noCrop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10261600" y="5029200"/>
            <a:ext cx="2032000" cy="1828800"/>
          </a:xfrm>
          <a:prstGeom prst="rect">
            <a:avLst/>
          </a:prstGeom>
          <a:noFill/>
        </p:spPr>
      </p:pic>
      <p:pic>
        <p:nvPicPr>
          <p:cNvPr id="21" name="Picture 17" descr="addemoticons172"/>
          <p:cNvPicPr>
            <a:picLocks noChangeAspect="1" noChangeArrowheads="1" noCrop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5181600" y="5029200"/>
            <a:ext cx="2032000" cy="1828800"/>
          </a:xfrm>
          <a:prstGeom prst="rect">
            <a:avLst/>
          </a:prstGeom>
          <a:noFill/>
        </p:spPr>
      </p:pic>
      <p:pic>
        <p:nvPicPr>
          <p:cNvPr id="22" name="Picture 17" descr="addemoticons172"/>
          <p:cNvPicPr>
            <a:picLocks noChangeAspect="1" noChangeArrowheads="1" noCrop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2641600" y="5029200"/>
            <a:ext cx="2032000" cy="1828800"/>
          </a:xfrm>
          <a:prstGeom prst="rect">
            <a:avLst/>
          </a:prstGeom>
          <a:noFill/>
        </p:spPr>
      </p:pic>
      <p:pic>
        <p:nvPicPr>
          <p:cNvPr id="23" name="Picture 17" descr="addemoticons172"/>
          <p:cNvPicPr>
            <a:picLocks noChangeAspect="1" noChangeArrowheads="1" noCrop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0" y="5029200"/>
            <a:ext cx="2032000" cy="1828800"/>
          </a:xfrm>
          <a:prstGeom prst="rect">
            <a:avLst/>
          </a:prstGeom>
          <a:noFill/>
        </p:spPr>
      </p:pic>
      <p:pic>
        <p:nvPicPr>
          <p:cNvPr id="24" name="Picture 17" descr="addemoticons172"/>
          <p:cNvPicPr>
            <a:picLocks noChangeAspect="1" noChangeArrowheads="1" noCrop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7823200" y="5029200"/>
            <a:ext cx="2032000" cy="1828800"/>
          </a:xfrm>
          <a:prstGeom prst="rect">
            <a:avLst/>
          </a:prstGeom>
          <a:noFill/>
        </p:spPr>
      </p:pic>
      <p:pic>
        <p:nvPicPr>
          <p:cNvPr id="25" name="Picture 15" descr="0830js5b15daddi012pz8"/>
          <p:cNvPicPr>
            <a:picLocks noChangeAspect="1" noChangeArrowheads="1" noCrop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11176000" y="762000"/>
            <a:ext cx="1016000" cy="2209800"/>
          </a:xfrm>
          <a:prstGeom prst="rect">
            <a:avLst/>
          </a:prstGeom>
          <a:noFill/>
        </p:spPr>
      </p:pic>
      <p:pic>
        <p:nvPicPr>
          <p:cNvPr id="26" name="Picture 15" descr="0830js5b15daddi012pz8"/>
          <p:cNvPicPr>
            <a:picLocks noChangeAspect="1" noChangeArrowheads="1" noCrop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0" y="609600"/>
            <a:ext cx="1016000" cy="2209800"/>
          </a:xfrm>
          <a:prstGeom prst="rect">
            <a:avLst/>
          </a:prstGeom>
          <a:noFill/>
        </p:spPr>
      </p:pic>
      <p:sp>
        <p:nvSpPr>
          <p:cNvPr id="29" name="WordArt 6"/>
          <p:cNvSpPr>
            <a:spLocks noChangeArrowheads="1" noChangeShapeType="1" noTextEdit="1"/>
          </p:cNvSpPr>
          <p:nvPr/>
        </p:nvSpPr>
        <p:spPr bwMode="auto">
          <a:xfrm>
            <a:off x="1303749" y="1054169"/>
            <a:ext cx="9753600" cy="2209800"/>
          </a:xfrm>
          <a:prstGeom prst="rect">
            <a:avLst/>
          </a:prstGeom>
          <a:noFill/>
        </p:spPr>
        <p:txBody>
          <a:bodyPr wrap="none" lIns="91438" tIns="45719" rIns="91438" bIns="45719" fromWordArt="1">
            <a:prstTxWarp prst="textPlain">
              <a:avLst/>
            </a:prstTxWarp>
          </a:bodyPr>
          <a:lstStyle/>
          <a:p>
            <a:pPr algn="ctr" defTabSz="914400"/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CẢM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ƠN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QUÝ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BGK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ĐÃ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LẮNG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NGHE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VÀ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GÓP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Ý</a:t>
            </a:r>
            <a:endParaRPr lang="en-US" sz="5500" b="1" kern="10" dirty="0">
              <a:ln w="9525">
                <a:solidFill>
                  <a:srgbClr val="FF0000"/>
                </a:solidFill>
                <a:round/>
              </a:ln>
              <a:solidFill>
                <a:schemeClr val="accent6">
                  <a:lumMod val="75000"/>
                </a:schemeClr>
              </a:solidFill>
              <a:effectLst>
                <a:outerShdw dist="53882" dir="2700000" algn="ctr" rotWithShape="0">
                  <a:srgbClr val="C0C0C0">
                    <a:alpha val="79999"/>
                  </a:srgbClr>
                </a:outerShdw>
              </a:effectLst>
              <a:latin typeface="Times New Roman" panose="02020603050405020304"/>
              <a:cs typeface="Times New Roman" panose="02020603050405020304"/>
            </a:endParaRPr>
          </a:p>
          <a:p>
            <a:pPr algn="ctr" defTabSz="914400"/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CHÚC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HỘI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THI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THÀNH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CÔNG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TỐT</a:t>
            </a:r>
            <a:r>
              <a:rPr lang="en-US" sz="5500" b="1" kern="10" dirty="0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 </a:t>
            </a:r>
            <a:r>
              <a:rPr lang="en-US" sz="5500" b="1" kern="10" dirty="0" err="1">
                <a:ln w="9525">
                  <a:solidFill>
                    <a:srgbClr val="FF0000"/>
                  </a:solidFill>
                  <a:round/>
                </a:ln>
                <a:solidFill>
                  <a:schemeClr val="accent6">
                    <a:lumMod val="75000"/>
                  </a:schemeClr>
                </a:solidFill>
                <a:effectLst>
                  <a:outerShdw dist="53882" dir="2700000" algn="ctr" rotWithShape="0">
                    <a:srgbClr val="C0C0C0">
                      <a:alpha val="79999"/>
                    </a:srgbClr>
                  </a:outerShdw>
                </a:effectLst>
                <a:latin typeface="Times New Roman" panose="02020603050405020304"/>
                <a:cs typeface="Times New Roman" panose="02020603050405020304"/>
              </a:rPr>
              <a:t>ĐẸP</a:t>
            </a:r>
            <a:endParaRPr lang="en-US" sz="5500" b="1" kern="10" dirty="0">
              <a:ln w="9525">
                <a:solidFill>
                  <a:srgbClr val="FF0000"/>
                </a:solidFill>
                <a:round/>
              </a:ln>
              <a:solidFill>
                <a:schemeClr val="accent6">
                  <a:lumMod val="75000"/>
                </a:schemeClr>
              </a:solidFill>
              <a:effectLst>
                <a:outerShdw dist="53882" dir="2700000" algn="ctr" rotWithShape="0">
                  <a:srgbClr val="C0C0C0">
                    <a:alpha val="79999"/>
                  </a:srgbClr>
                </a:outerShdw>
              </a:effectLst>
              <a:latin typeface="Times New Roman" panose="02020603050405020304"/>
              <a:cs typeface="Times New Roman" panose="02020603050405020304"/>
            </a:endParaRPr>
          </a:p>
        </p:txBody>
      </p:sp>
      <p:grpSp>
        <p:nvGrpSpPr>
          <p:cNvPr id="37" name="Google Shape;740;p18"/>
          <p:cNvGrpSpPr/>
          <p:nvPr/>
        </p:nvGrpSpPr>
        <p:grpSpPr>
          <a:xfrm>
            <a:off x="5755642" y="2971804"/>
            <a:ext cx="2013849" cy="1947865"/>
            <a:chOff x="0" y="0"/>
            <a:chExt cx="6693949" cy="7602447"/>
          </a:xfrm>
        </p:grpSpPr>
        <p:pic>
          <p:nvPicPr>
            <p:cNvPr id="38" name="Google Shape;741;p18"/>
            <p:cNvPicPr preferRelativeResize="0"/>
            <p:nvPr/>
          </p:nvPicPr>
          <p:blipFill rotWithShape="1">
            <a:blip r:embed="rId4"/>
            <a:srcRect/>
            <a:stretch>
              <a:fillRect/>
            </a:stretch>
          </p:blipFill>
          <p:spPr>
            <a:xfrm rot="-1157941">
              <a:off x="2636916" y="227683"/>
              <a:ext cx="1871464" cy="2903371"/>
            </a:xfrm>
            <a:prstGeom prst="rect">
              <a:avLst/>
            </a:prstGeom>
            <a:noFill/>
            <a:ln>
              <a:noFill/>
            </a:ln>
          </p:spPr>
        </p:pic>
        <p:sp>
          <p:nvSpPr>
            <p:cNvPr id="39" name="Google Shape;742;p18"/>
            <p:cNvSpPr/>
            <p:nvPr/>
          </p:nvSpPr>
          <p:spPr>
            <a:xfrm>
              <a:off x="568929" y="1493942"/>
              <a:ext cx="6049005" cy="6076118"/>
            </a:xfrm>
            <a:custGeom>
              <a:avLst/>
              <a:gdLst/>
              <a:ahLst/>
              <a:cxnLst/>
              <a:rect l="l" t="t" r="r" b="b"/>
              <a:pathLst>
                <a:path w="6321665" h="6350000" extrusionOk="0">
                  <a:moveTo>
                    <a:pt x="3160833" y="0"/>
                  </a:moveTo>
                  <a:lnTo>
                    <a:pt x="3160833" y="0"/>
                  </a:lnTo>
                  <a:cubicBezTo>
                    <a:pt x="4908795" y="7817"/>
                    <a:pt x="6321666" y="1427021"/>
                    <a:pt x="6321666" y="3175000"/>
                  </a:cubicBezTo>
                  <a:cubicBezTo>
                    <a:pt x="6321666" y="4922979"/>
                    <a:pt x="4908795" y="6342183"/>
                    <a:pt x="3160833" y="6350000"/>
                  </a:cubicBezTo>
                  <a:cubicBezTo>
                    <a:pt x="1412871" y="6342183"/>
                    <a:pt x="0" y="4922979"/>
                    <a:pt x="0" y="3175000"/>
                  </a:cubicBezTo>
                  <a:cubicBezTo>
                    <a:pt x="0" y="1427021"/>
                    <a:pt x="1412871" y="7817"/>
                    <a:pt x="3160833" y="0"/>
                  </a:cubicBezTo>
                  <a:close/>
                </a:path>
              </a:pathLst>
            </a:custGeom>
            <a:solidFill>
              <a:srgbClr val="000000">
                <a:alpha val="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609600">
                <a:buClr>
                  <a:srgbClr val="000000"/>
                </a:buClr>
              </a:pPr>
              <a:endParaRPr sz="900"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sp>
          <p:nvSpPr>
            <p:cNvPr id="40" name="Google Shape;743;p18"/>
            <p:cNvSpPr/>
            <p:nvPr/>
          </p:nvSpPr>
          <p:spPr>
            <a:xfrm>
              <a:off x="555373" y="4564388"/>
              <a:ext cx="6076118" cy="3038059"/>
            </a:xfrm>
            <a:custGeom>
              <a:avLst/>
              <a:gdLst/>
              <a:ahLst/>
              <a:cxnLst/>
              <a:rect l="l" t="t" r="r" b="b"/>
              <a:pathLst>
                <a:path w="6350000" h="3175000" extrusionOk="0">
                  <a:moveTo>
                    <a:pt x="0" y="0"/>
                  </a:moveTo>
                  <a:cubicBezTo>
                    <a:pt x="0" y="1753870"/>
                    <a:pt x="1421130" y="3175000"/>
                    <a:pt x="3175000" y="3175000"/>
                  </a:cubicBezTo>
                  <a:cubicBezTo>
                    <a:pt x="4928870" y="3175000"/>
                    <a:pt x="6350000" y="1753870"/>
                    <a:pt x="6350000" y="0"/>
                  </a:cubicBezTo>
                  <a:lnTo>
                    <a:pt x="0" y="0"/>
                  </a:lnTo>
                  <a:close/>
                </a:path>
              </a:pathLst>
            </a:custGeom>
            <a:blipFill rotWithShape="1">
              <a:blip r:embed="rId5"/>
              <a:stretch>
                <a:fillRect l="-17949" r="-17949"/>
              </a:stretch>
            </a:blip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defTabSz="609600">
                <a:buClr>
                  <a:srgbClr val="000000"/>
                </a:buClr>
              </a:pPr>
              <a:endParaRPr sz="900" kern="0">
                <a:solidFill>
                  <a:srgbClr val="000000"/>
                </a:solidFill>
                <a:cs typeface="Arial" panose="020B0604020202020204"/>
                <a:sym typeface="Arial" panose="020B0604020202020204"/>
              </a:endParaRPr>
            </a:p>
          </p:txBody>
        </p:sp>
        <p:pic>
          <p:nvPicPr>
            <p:cNvPr id="41" name="Google Shape;744;p18"/>
            <p:cNvPicPr preferRelativeResize="0"/>
            <p:nvPr/>
          </p:nvPicPr>
          <p:blipFill rotWithShape="1">
            <a:blip r:embed="rId6"/>
            <a:srcRect b="9166"/>
            <a:stretch>
              <a:fillRect/>
            </a:stretch>
          </p:blipFill>
          <p:spPr>
            <a:xfrm>
              <a:off x="492915" y="1179814"/>
              <a:ext cx="6201034" cy="3447636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42" name="Google Shape;745;p18"/>
            <p:cNvPicPr preferRelativeResize="0"/>
            <p:nvPr/>
          </p:nvPicPr>
          <p:blipFill rotWithShape="1">
            <a:blip r:embed="rId7"/>
            <a:srcRect/>
            <a:stretch>
              <a:fillRect/>
            </a:stretch>
          </p:blipFill>
          <p:spPr>
            <a:xfrm>
              <a:off x="1962888" y="2731193"/>
              <a:ext cx="4668603" cy="2145612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43" name="Google Shape;746;p18"/>
            <p:cNvPicPr preferRelativeResize="0"/>
            <p:nvPr/>
          </p:nvPicPr>
          <p:blipFill rotWithShape="1">
            <a:blip r:embed="rId8"/>
            <a:srcRect/>
            <a:stretch>
              <a:fillRect/>
            </a:stretch>
          </p:blipFill>
          <p:spPr>
            <a:xfrm>
              <a:off x="1048539" y="1037877"/>
              <a:ext cx="727669" cy="725903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44" name="Google Shape;747;p18"/>
            <p:cNvPicPr preferRelativeResize="0"/>
            <p:nvPr/>
          </p:nvPicPr>
          <p:blipFill rotWithShape="1">
            <a:blip r:embed="rId9"/>
            <a:srcRect/>
            <a:stretch>
              <a:fillRect/>
            </a:stretch>
          </p:blipFill>
          <p:spPr>
            <a:xfrm rot="-2195528">
              <a:off x="304944" y="3045854"/>
              <a:ext cx="1166319" cy="1408740"/>
            </a:xfrm>
            <a:prstGeom prst="rect">
              <a:avLst/>
            </a:prstGeom>
            <a:noFill/>
            <a:ln>
              <a:noFill/>
            </a:ln>
          </p:spPr>
        </p:pic>
      </p:grp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7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327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" dur="1000" fill="hold"/>
                                        <p:tgtEl>
                                          <p:spTgt spid="41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41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41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41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4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41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1000" fill="hold"/>
                                        <p:tgtEl>
                                          <p:spTgt spid="41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41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41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0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6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2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8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0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3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4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6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50" presetID="23" presetClass="entr" presetSubtype="528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2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4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5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3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58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59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60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set>
                                      <p:cBhvr>
                                        <p:cTn id="61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Freeform 5"/>
          <p:cNvSpPr/>
          <p:nvPr/>
        </p:nvSpPr>
        <p:spPr bwMode="auto">
          <a:xfrm>
            <a:off x="6773861" y="9"/>
            <a:ext cx="5418139" cy="2924175"/>
          </a:xfrm>
          <a:custGeom>
            <a:avLst/>
            <a:gdLst>
              <a:gd name="T0" fmla="*/ 1670 w 3413"/>
              <a:gd name="T1" fmla="*/ 1842 h 1842"/>
              <a:gd name="T2" fmla="*/ 0 w 3413"/>
              <a:gd name="T3" fmla="*/ 0 h 1842"/>
              <a:gd name="T4" fmla="*/ 3413 w 3413"/>
              <a:gd name="T5" fmla="*/ 0 h 1842"/>
              <a:gd name="T6" fmla="*/ 3413 w 3413"/>
              <a:gd name="T7" fmla="*/ 351 h 1842"/>
              <a:gd name="T8" fmla="*/ 1670 w 3413"/>
              <a:gd name="T9" fmla="*/ 1842 h 184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</a:cxnLst>
            <a:rect l="0" t="0" r="r" b="b"/>
            <a:pathLst>
              <a:path w="3413" h="1842">
                <a:moveTo>
                  <a:pt x="1670" y="1842"/>
                </a:moveTo>
                <a:lnTo>
                  <a:pt x="0" y="0"/>
                </a:lnTo>
                <a:lnTo>
                  <a:pt x="3413" y="0"/>
                </a:lnTo>
                <a:lnTo>
                  <a:pt x="3413" y="351"/>
                </a:lnTo>
                <a:lnTo>
                  <a:pt x="1670" y="1842"/>
                </a:lnTo>
                <a:close/>
              </a:path>
            </a:pathLst>
          </a:custGeom>
          <a:blipFill dpi="0" rotWithShape="1">
            <a:blip r:embed="rId1"/>
            <a:srcRect/>
            <a:tile tx="0" ty="0" sx="70000" sy="70000" flip="none" algn="ctr"/>
          </a:blip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375" tIns="45690" rIns="91375" bIns="45690" numCol="1" spcCol="0" rtlCol="0" fromWordArt="0" anchor="ctr" anchorCtr="0" forceAA="0" compatLnSpc="1">
            <a:noAutofit/>
          </a:bodyPr>
          <a:lstStyle/>
          <a:p>
            <a:pPr algn="ctr"/>
            <a:endParaRPr lang="zh-CN" altLang="en-US">
              <a:solidFill>
                <a:schemeClr val="lt1"/>
              </a:solidFill>
              <a:cs typeface="+mn-ea"/>
              <a:sym typeface="+mn-lt"/>
            </a:endParaRPr>
          </a:p>
        </p:txBody>
      </p:sp>
      <p:sp>
        <p:nvSpPr>
          <p:cNvPr id="6" name="Freeform 6"/>
          <p:cNvSpPr/>
          <p:nvPr/>
        </p:nvSpPr>
        <p:spPr bwMode="auto">
          <a:xfrm>
            <a:off x="8362951" y="4027496"/>
            <a:ext cx="3416300" cy="2830513"/>
          </a:xfrm>
          <a:custGeom>
            <a:avLst/>
            <a:gdLst>
              <a:gd name="T0" fmla="*/ 112 w 2152"/>
              <a:gd name="T1" fmla="*/ 0 h 1783"/>
              <a:gd name="T2" fmla="*/ 0 w 2152"/>
              <a:gd name="T3" fmla="*/ 97 h 1783"/>
              <a:gd name="T4" fmla="*/ 1938 w 2152"/>
              <a:gd name="T5" fmla="*/ 1783 h 1783"/>
              <a:gd name="T6" fmla="*/ 2152 w 2152"/>
              <a:gd name="T7" fmla="*/ 1783 h 1783"/>
              <a:gd name="T8" fmla="*/ 112 w 2152"/>
              <a:gd name="T9" fmla="*/ 0 h 1783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</a:cxnLst>
            <a:rect l="0" t="0" r="r" b="b"/>
            <a:pathLst>
              <a:path w="2152" h="1783">
                <a:moveTo>
                  <a:pt x="112" y="0"/>
                </a:moveTo>
                <a:lnTo>
                  <a:pt x="0" y="97"/>
                </a:lnTo>
                <a:lnTo>
                  <a:pt x="1938" y="1783"/>
                </a:lnTo>
                <a:lnTo>
                  <a:pt x="2152" y="1783"/>
                </a:lnTo>
                <a:lnTo>
                  <a:pt x="112" y="0"/>
                </a:lnTo>
                <a:close/>
              </a:path>
            </a:pathLst>
          </a:custGeom>
          <a:solidFill>
            <a:srgbClr val="1D4251"/>
          </a:solidFill>
          <a:ln>
            <a:noFill/>
          </a:ln>
        </p:spPr>
        <p:txBody>
          <a:bodyPr vert="horz" wrap="square" lIns="91375" tIns="45690" rIns="91375" bIns="45690" numCol="1" anchor="t" anchorCtr="0" compatLnSpc="1"/>
          <a:lstStyle/>
          <a:p>
            <a:endParaRPr lang="zh-CN" altLang="en-US">
              <a:cs typeface="+mn-ea"/>
              <a:sym typeface="+mn-lt"/>
            </a:endParaRPr>
          </a:p>
        </p:txBody>
      </p:sp>
      <p:sp>
        <p:nvSpPr>
          <p:cNvPr id="7" name="Freeform 7"/>
          <p:cNvSpPr/>
          <p:nvPr/>
        </p:nvSpPr>
        <p:spPr bwMode="auto">
          <a:xfrm>
            <a:off x="5264152" y="4508501"/>
            <a:ext cx="5468939" cy="2349500"/>
          </a:xfrm>
          <a:custGeom>
            <a:avLst/>
            <a:gdLst>
              <a:gd name="T0" fmla="*/ 1721 w 3445"/>
              <a:gd name="T1" fmla="*/ 0 h 1480"/>
              <a:gd name="T2" fmla="*/ 0 w 3445"/>
              <a:gd name="T3" fmla="*/ 1480 h 1480"/>
              <a:gd name="T4" fmla="*/ 3445 w 3445"/>
              <a:gd name="T5" fmla="*/ 1480 h 1480"/>
              <a:gd name="T6" fmla="*/ 1721 w 3445"/>
              <a:gd name="T7" fmla="*/ 0 h 1480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</a:cxnLst>
            <a:rect l="0" t="0" r="r" b="b"/>
            <a:pathLst>
              <a:path w="3445" h="1480">
                <a:moveTo>
                  <a:pt x="1721" y="0"/>
                </a:moveTo>
                <a:lnTo>
                  <a:pt x="0" y="1480"/>
                </a:lnTo>
                <a:lnTo>
                  <a:pt x="3445" y="1480"/>
                </a:lnTo>
                <a:lnTo>
                  <a:pt x="1721" y="0"/>
                </a:lnTo>
                <a:close/>
              </a:path>
            </a:pathLst>
          </a:custGeom>
          <a:solidFill>
            <a:srgbClr val="1D4251"/>
          </a:solidFill>
          <a:ln>
            <a:noFill/>
          </a:ln>
        </p:spPr>
        <p:txBody>
          <a:bodyPr vert="horz" wrap="square" lIns="91375" tIns="45690" rIns="91375" bIns="45690" numCol="1" anchor="t" anchorCtr="0" compatLnSpc="1"/>
          <a:lstStyle/>
          <a:p>
            <a:endParaRPr lang="zh-CN" altLang="en-US">
              <a:cs typeface="+mn-ea"/>
              <a:sym typeface="+mn-lt"/>
            </a:endParaRPr>
          </a:p>
        </p:txBody>
      </p:sp>
      <p:sp>
        <p:nvSpPr>
          <p:cNvPr id="8" name="Freeform 8"/>
          <p:cNvSpPr/>
          <p:nvPr/>
        </p:nvSpPr>
        <p:spPr bwMode="auto">
          <a:xfrm>
            <a:off x="8731251" y="887412"/>
            <a:ext cx="3460751" cy="5932488"/>
          </a:xfrm>
          <a:custGeom>
            <a:avLst/>
            <a:gdLst>
              <a:gd name="T0" fmla="*/ 2180 w 2180"/>
              <a:gd name="T1" fmla="*/ 0 h 3737"/>
              <a:gd name="T2" fmla="*/ 0 w 2180"/>
              <a:gd name="T3" fmla="*/ 1867 h 3737"/>
              <a:gd name="T4" fmla="*/ 2180 w 2180"/>
              <a:gd name="T5" fmla="*/ 3737 h 3737"/>
              <a:gd name="T6" fmla="*/ 2180 w 2180"/>
              <a:gd name="T7" fmla="*/ 0 h 3737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</a:cxnLst>
            <a:rect l="0" t="0" r="r" b="b"/>
            <a:pathLst>
              <a:path w="2180" h="3737">
                <a:moveTo>
                  <a:pt x="2180" y="0"/>
                </a:moveTo>
                <a:lnTo>
                  <a:pt x="0" y="1867"/>
                </a:lnTo>
                <a:lnTo>
                  <a:pt x="2180" y="3737"/>
                </a:lnTo>
                <a:lnTo>
                  <a:pt x="2180" y="0"/>
                </a:lnTo>
                <a:close/>
              </a:path>
            </a:pathLst>
          </a:custGeom>
          <a:solidFill>
            <a:srgbClr val="F5C700"/>
          </a:solidFill>
          <a:ln>
            <a:noFill/>
          </a:ln>
        </p:spPr>
        <p:txBody>
          <a:bodyPr vert="horz" wrap="square" lIns="91375" tIns="45690" rIns="91375" bIns="45690" numCol="1" anchor="t" anchorCtr="0" compatLnSpc="1"/>
          <a:lstStyle/>
          <a:p>
            <a:endParaRPr lang="zh-CN" altLang="en-US">
              <a:cs typeface="+mn-ea"/>
              <a:sym typeface="+mn-lt"/>
            </a:endParaRP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1531" y="272181"/>
            <a:ext cx="952633" cy="952633"/>
          </a:xfrm>
          <a:prstGeom prst="rect">
            <a:avLst/>
          </a:prstGeom>
        </p:spPr>
      </p:pic>
      <p:sp>
        <p:nvSpPr>
          <p:cNvPr id="13" name="椭圆 2"/>
          <p:cNvSpPr/>
          <p:nvPr/>
        </p:nvSpPr>
        <p:spPr>
          <a:xfrm>
            <a:off x="2352550" y="615836"/>
            <a:ext cx="5049079" cy="1967595"/>
          </a:xfrm>
          <a:prstGeom prst="ellipse">
            <a:avLst/>
          </a:prstGeom>
          <a:solidFill>
            <a:srgbClr val="F5C7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r>
              <a:rPr lang="en-US" altLang="zh-CN" sz="4000" b="1" dirty="0">
                <a:solidFill>
                  <a:srgbClr val="C00000"/>
                </a:solidFill>
                <a:cs typeface="+mn-ea"/>
                <a:sym typeface="+mn-lt"/>
              </a:rPr>
              <a:t>THỰC TRẠNG</a:t>
            </a:r>
            <a:endParaRPr lang="en-US" altLang="zh-CN" sz="4000" b="1" dirty="0">
              <a:solidFill>
                <a:srgbClr val="C00000"/>
              </a:solidFill>
              <a:cs typeface="+mn-ea"/>
              <a:sym typeface="+mn-lt"/>
            </a:endParaRPr>
          </a:p>
        </p:txBody>
      </p:sp>
      <p:sp>
        <p:nvSpPr>
          <p:cNvPr id="14" name="文本框 3"/>
          <p:cNvSpPr txBox="1"/>
          <p:nvPr/>
        </p:nvSpPr>
        <p:spPr>
          <a:xfrm>
            <a:off x="1064094" y="2554299"/>
            <a:ext cx="12089765" cy="3168015"/>
          </a:xfrm>
          <a:prstGeom prst="rect">
            <a:avLst/>
          </a:prstGeom>
          <a:solidFill>
            <a:srgbClr val="00B050"/>
          </a:solidFill>
          <a:ln>
            <a:noFill/>
          </a:ln>
          <a:effectLst>
            <a:outerShdw blurRad="225425" dist="50800" dir="5220000" algn="ctr">
              <a:srgbClr val="000000">
                <a:alpha val="33000"/>
              </a:srgbClr>
            </a:outerShdw>
          </a:effectLst>
          <a:scene3d>
            <a:camera prst="perspectiveFront" fov="3300000">
              <a:rot lat="486000" lon="19530000" rev="174000"/>
            </a:camera>
            <a:lightRig rig="harsh" dir="t">
              <a:rot lat="0" lon="0" rev="3000000"/>
            </a:lightRig>
          </a:scene3d>
          <a:sp3d extrusionH="254000" contourW="19050">
            <a:bevelT w="82550" h="44450" prst="angle"/>
            <a:bevelB w="82550" h="44450" prst="angle"/>
            <a:contourClr>
              <a:srgbClr val="FFFFFF"/>
            </a:contourClr>
          </a:sp3d>
        </p:spPr>
        <p:txBody>
          <a:bodyPr wrap="none" lIns="91375" tIns="45690" rIns="91375" bIns="45690" rtlCol="0">
            <a:spAutoFit/>
          </a:bodyPr>
          <a:lstStyle/>
          <a:p>
            <a:pPr marL="570865" indent="-570865">
              <a:buFont typeface="Wingdings" panose="05000000000000000000" pitchFamily="2" charset="2"/>
              <a:buChar char="Ø"/>
            </a:pP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ời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ại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ông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hệ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4.0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ang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ùng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ổ</a:t>
            </a:r>
            <a:endParaRPr lang="en-US" sz="4000" b="1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570865" indent="-570865">
              <a:buFont typeface="Wingdings" panose="05000000000000000000" pitchFamily="2" charset="2"/>
              <a:buChar char="Ø"/>
            </a:pP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ự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uận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iện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ọi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úc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ọi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ơi</a:t>
            </a:r>
            <a:endParaRPr lang="en-US" sz="4000" b="1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570865" indent="-570865">
              <a:buFont typeface="Wingdings" panose="05000000000000000000" pitchFamily="2" charset="2"/>
              <a:buChar char="Ø"/>
            </a:pP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ủ đề hóa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à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ôn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ọng</a:t>
            </a: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trong KHTN</a:t>
            </a:r>
            <a:endParaRPr lang="en-US" sz="4000" b="1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570865" indent="-570865">
              <a:buFont typeface="Wingdings" panose="05000000000000000000" pitchFamily="2" charset="2"/>
              <a:buChar char="Ø"/>
            </a:pP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Sử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dụng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công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nghệ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di </a:t>
            </a: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động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để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học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tập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b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</a:b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là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một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xu </a:t>
            </a: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hướng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phổ</a:t>
            </a: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 </a:t>
            </a:r>
            <a:r>
              <a:rPr lang="en-US" altLang="zh-CN" sz="4000" b="1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biến</a:t>
            </a:r>
            <a:endParaRPr lang="zh-CN" altLang="en-US" sz="4000" b="1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  <a:sym typeface="+mn-lt"/>
            </a:endParaRPr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53" presetClass="entr" presetSubtype="528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5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8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  <p:bldP spid="7" grpId="0" animBg="1"/>
      <p:bldP spid="8" grpId="0" animBg="1"/>
      <p:bldP spid="13" grpId="0" animBg="1"/>
      <p:bldP spid="14" grpId="0" bldLvl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Freeform 5"/>
          <p:cNvSpPr/>
          <p:nvPr/>
        </p:nvSpPr>
        <p:spPr bwMode="auto">
          <a:xfrm>
            <a:off x="6773861" y="9"/>
            <a:ext cx="5418139" cy="2924175"/>
          </a:xfrm>
          <a:custGeom>
            <a:avLst/>
            <a:gdLst>
              <a:gd name="T0" fmla="*/ 1670 w 3413"/>
              <a:gd name="T1" fmla="*/ 1842 h 1842"/>
              <a:gd name="T2" fmla="*/ 0 w 3413"/>
              <a:gd name="T3" fmla="*/ 0 h 1842"/>
              <a:gd name="T4" fmla="*/ 3413 w 3413"/>
              <a:gd name="T5" fmla="*/ 0 h 1842"/>
              <a:gd name="T6" fmla="*/ 3413 w 3413"/>
              <a:gd name="T7" fmla="*/ 351 h 1842"/>
              <a:gd name="T8" fmla="*/ 1670 w 3413"/>
              <a:gd name="T9" fmla="*/ 1842 h 184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</a:cxnLst>
            <a:rect l="0" t="0" r="r" b="b"/>
            <a:pathLst>
              <a:path w="3413" h="1842">
                <a:moveTo>
                  <a:pt x="1670" y="1842"/>
                </a:moveTo>
                <a:lnTo>
                  <a:pt x="0" y="0"/>
                </a:lnTo>
                <a:lnTo>
                  <a:pt x="3413" y="0"/>
                </a:lnTo>
                <a:lnTo>
                  <a:pt x="3413" y="351"/>
                </a:lnTo>
                <a:lnTo>
                  <a:pt x="1670" y="1842"/>
                </a:lnTo>
                <a:close/>
              </a:path>
            </a:pathLst>
          </a:custGeom>
          <a:blipFill dpi="0" rotWithShape="1">
            <a:blip r:embed="rId1"/>
            <a:srcRect/>
            <a:tile tx="0" ty="0" sx="70000" sy="70000" flip="none" algn="ctr"/>
          </a:blip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375" tIns="45690" rIns="91375" bIns="45690" numCol="1" spcCol="0" rtlCol="0" fromWordArt="0" anchor="ctr" anchorCtr="0" forceAA="0" compatLnSpc="1">
            <a:noAutofit/>
          </a:bodyPr>
          <a:lstStyle/>
          <a:p>
            <a:pPr algn="ctr"/>
            <a:endParaRPr lang="zh-CN" altLang="en-US">
              <a:solidFill>
                <a:schemeClr val="lt1"/>
              </a:solidFill>
              <a:cs typeface="+mn-ea"/>
              <a:sym typeface="+mn-lt"/>
            </a:endParaRPr>
          </a:p>
        </p:txBody>
      </p:sp>
      <p:sp>
        <p:nvSpPr>
          <p:cNvPr id="6" name="Freeform 6"/>
          <p:cNvSpPr/>
          <p:nvPr/>
        </p:nvSpPr>
        <p:spPr bwMode="auto">
          <a:xfrm>
            <a:off x="8362951" y="4027496"/>
            <a:ext cx="3416300" cy="2830513"/>
          </a:xfrm>
          <a:custGeom>
            <a:avLst/>
            <a:gdLst>
              <a:gd name="T0" fmla="*/ 112 w 2152"/>
              <a:gd name="T1" fmla="*/ 0 h 1783"/>
              <a:gd name="T2" fmla="*/ 0 w 2152"/>
              <a:gd name="T3" fmla="*/ 97 h 1783"/>
              <a:gd name="T4" fmla="*/ 1938 w 2152"/>
              <a:gd name="T5" fmla="*/ 1783 h 1783"/>
              <a:gd name="T6" fmla="*/ 2152 w 2152"/>
              <a:gd name="T7" fmla="*/ 1783 h 1783"/>
              <a:gd name="T8" fmla="*/ 112 w 2152"/>
              <a:gd name="T9" fmla="*/ 0 h 1783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</a:cxnLst>
            <a:rect l="0" t="0" r="r" b="b"/>
            <a:pathLst>
              <a:path w="2152" h="1783">
                <a:moveTo>
                  <a:pt x="112" y="0"/>
                </a:moveTo>
                <a:lnTo>
                  <a:pt x="0" y="97"/>
                </a:lnTo>
                <a:lnTo>
                  <a:pt x="1938" y="1783"/>
                </a:lnTo>
                <a:lnTo>
                  <a:pt x="2152" y="1783"/>
                </a:lnTo>
                <a:lnTo>
                  <a:pt x="112" y="0"/>
                </a:lnTo>
                <a:close/>
              </a:path>
            </a:pathLst>
          </a:custGeom>
          <a:solidFill>
            <a:srgbClr val="1D4251"/>
          </a:solidFill>
          <a:ln>
            <a:noFill/>
          </a:ln>
        </p:spPr>
        <p:txBody>
          <a:bodyPr vert="horz" wrap="square" lIns="91375" tIns="45690" rIns="91375" bIns="45690" numCol="1" anchor="t" anchorCtr="0" compatLnSpc="1"/>
          <a:lstStyle/>
          <a:p>
            <a:endParaRPr lang="zh-CN" altLang="en-US">
              <a:cs typeface="+mn-ea"/>
              <a:sym typeface="+mn-lt"/>
            </a:endParaRPr>
          </a:p>
        </p:txBody>
      </p:sp>
      <p:sp>
        <p:nvSpPr>
          <p:cNvPr id="7" name="Freeform 7"/>
          <p:cNvSpPr/>
          <p:nvPr/>
        </p:nvSpPr>
        <p:spPr bwMode="auto">
          <a:xfrm>
            <a:off x="5264152" y="4508501"/>
            <a:ext cx="5468939" cy="2349500"/>
          </a:xfrm>
          <a:custGeom>
            <a:avLst/>
            <a:gdLst>
              <a:gd name="T0" fmla="*/ 1721 w 3445"/>
              <a:gd name="T1" fmla="*/ 0 h 1480"/>
              <a:gd name="T2" fmla="*/ 0 w 3445"/>
              <a:gd name="T3" fmla="*/ 1480 h 1480"/>
              <a:gd name="T4" fmla="*/ 3445 w 3445"/>
              <a:gd name="T5" fmla="*/ 1480 h 1480"/>
              <a:gd name="T6" fmla="*/ 1721 w 3445"/>
              <a:gd name="T7" fmla="*/ 0 h 1480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</a:cxnLst>
            <a:rect l="0" t="0" r="r" b="b"/>
            <a:pathLst>
              <a:path w="3445" h="1480">
                <a:moveTo>
                  <a:pt x="1721" y="0"/>
                </a:moveTo>
                <a:lnTo>
                  <a:pt x="0" y="1480"/>
                </a:lnTo>
                <a:lnTo>
                  <a:pt x="3445" y="1480"/>
                </a:lnTo>
                <a:lnTo>
                  <a:pt x="1721" y="0"/>
                </a:lnTo>
                <a:close/>
              </a:path>
            </a:pathLst>
          </a:custGeom>
          <a:solidFill>
            <a:srgbClr val="1D4251"/>
          </a:solidFill>
          <a:ln>
            <a:noFill/>
          </a:ln>
        </p:spPr>
        <p:txBody>
          <a:bodyPr vert="horz" wrap="square" lIns="91375" tIns="45690" rIns="91375" bIns="45690" numCol="1" anchor="t" anchorCtr="0" compatLnSpc="1"/>
          <a:lstStyle/>
          <a:p>
            <a:endParaRPr lang="zh-CN" altLang="en-US">
              <a:cs typeface="+mn-ea"/>
              <a:sym typeface="+mn-lt"/>
            </a:endParaRPr>
          </a:p>
        </p:txBody>
      </p:sp>
      <p:sp>
        <p:nvSpPr>
          <p:cNvPr id="8" name="Freeform 8"/>
          <p:cNvSpPr/>
          <p:nvPr/>
        </p:nvSpPr>
        <p:spPr bwMode="auto">
          <a:xfrm>
            <a:off x="8731251" y="887412"/>
            <a:ext cx="3460751" cy="5932488"/>
          </a:xfrm>
          <a:custGeom>
            <a:avLst/>
            <a:gdLst>
              <a:gd name="T0" fmla="*/ 2180 w 2180"/>
              <a:gd name="T1" fmla="*/ 0 h 3737"/>
              <a:gd name="T2" fmla="*/ 0 w 2180"/>
              <a:gd name="T3" fmla="*/ 1867 h 3737"/>
              <a:gd name="T4" fmla="*/ 2180 w 2180"/>
              <a:gd name="T5" fmla="*/ 3737 h 3737"/>
              <a:gd name="T6" fmla="*/ 2180 w 2180"/>
              <a:gd name="T7" fmla="*/ 0 h 3737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</a:cxnLst>
            <a:rect l="0" t="0" r="r" b="b"/>
            <a:pathLst>
              <a:path w="2180" h="3737">
                <a:moveTo>
                  <a:pt x="2180" y="0"/>
                </a:moveTo>
                <a:lnTo>
                  <a:pt x="0" y="1867"/>
                </a:lnTo>
                <a:lnTo>
                  <a:pt x="2180" y="3737"/>
                </a:lnTo>
                <a:lnTo>
                  <a:pt x="2180" y="0"/>
                </a:lnTo>
                <a:close/>
              </a:path>
            </a:pathLst>
          </a:custGeom>
          <a:solidFill>
            <a:srgbClr val="F5C700"/>
          </a:solidFill>
          <a:ln>
            <a:noFill/>
          </a:ln>
        </p:spPr>
        <p:txBody>
          <a:bodyPr vert="horz" wrap="square" lIns="91375" tIns="45690" rIns="91375" bIns="45690" numCol="1" anchor="t" anchorCtr="0" compatLnSpc="1"/>
          <a:lstStyle/>
          <a:p>
            <a:endParaRPr lang="zh-CN" altLang="en-US">
              <a:cs typeface="+mn-ea"/>
              <a:sym typeface="+mn-lt"/>
            </a:endParaRP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1531" y="272181"/>
            <a:ext cx="952633" cy="952633"/>
          </a:xfrm>
          <a:prstGeom prst="rect">
            <a:avLst/>
          </a:prstGeom>
        </p:spPr>
      </p:pic>
      <p:sp>
        <p:nvSpPr>
          <p:cNvPr id="13" name="椭圆 2"/>
          <p:cNvSpPr/>
          <p:nvPr/>
        </p:nvSpPr>
        <p:spPr>
          <a:xfrm>
            <a:off x="2352550" y="615836"/>
            <a:ext cx="5049079" cy="1967595"/>
          </a:xfrm>
          <a:prstGeom prst="ellipse">
            <a:avLst/>
          </a:prstGeom>
          <a:solidFill>
            <a:srgbClr val="F5C7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rtlCol="0" anchor="ctr"/>
          <a:lstStyle/>
          <a:p>
            <a:pPr algn="ctr"/>
            <a:r>
              <a:rPr lang="en-US" altLang="zh-CN" sz="4000" b="1" dirty="0">
                <a:solidFill>
                  <a:srgbClr val="C00000"/>
                </a:solidFill>
                <a:cs typeface="+mn-ea"/>
                <a:sym typeface="+mn-lt"/>
              </a:rPr>
              <a:t>Sự cần thiết phải áp dụng biện pháp</a:t>
            </a:r>
            <a:endParaRPr lang="en-US" altLang="zh-CN" sz="4000" b="1" dirty="0">
              <a:solidFill>
                <a:srgbClr val="C00000"/>
              </a:solidFill>
              <a:cs typeface="+mn-ea"/>
              <a:sym typeface="+mn-lt"/>
            </a:endParaRPr>
          </a:p>
        </p:txBody>
      </p:sp>
      <p:sp>
        <p:nvSpPr>
          <p:cNvPr id="14" name="文本框 3"/>
          <p:cNvSpPr txBox="1"/>
          <p:nvPr/>
        </p:nvSpPr>
        <p:spPr>
          <a:xfrm>
            <a:off x="1064094" y="2554299"/>
            <a:ext cx="9764395" cy="3168015"/>
          </a:xfrm>
          <a:prstGeom prst="rect">
            <a:avLst/>
          </a:prstGeom>
          <a:solidFill>
            <a:srgbClr val="00B050"/>
          </a:solidFill>
          <a:ln>
            <a:noFill/>
          </a:ln>
          <a:effectLst>
            <a:outerShdw blurRad="225425" dist="50800" dir="5220000" algn="ctr">
              <a:srgbClr val="000000">
                <a:alpha val="33000"/>
              </a:srgbClr>
            </a:outerShdw>
          </a:effectLst>
          <a:scene3d>
            <a:camera prst="perspectiveFront" fov="3300000">
              <a:rot lat="486000" lon="19530000" rev="174000"/>
            </a:camera>
            <a:lightRig rig="harsh" dir="t">
              <a:rot lat="0" lon="0" rev="3000000"/>
            </a:lightRig>
          </a:scene3d>
          <a:sp3d extrusionH="254000" contourW="19050">
            <a:bevelT w="82550" h="44450" prst="angle"/>
            <a:bevelB w="82550" h="44450" prst="angle"/>
            <a:contourClr>
              <a:srgbClr val="FFFFFF"/>
            </a:contourClr>
          </a:sp3d>
        </p:spPr>
        <p:txBody>
          <a:bodyPr wrap="none" lIns="91375" tIns="45690" rIns="91375" bIns="45690" rtlCol="0">
            <a:spAutoFit/>
          </a:bodyPr>
          <a:lstStyle/>
          <a:p>
            <a:pPr marL="570865" indent="-570865">
              <a:buFont typeface="Wingdings" panose="05000000000000000000" pitchFamily="2" charset="2"/>
              <a:buChar char="Ø"/>
            </a:pP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át triển năng lực tư duy phản biện.</a:t>
            </a:r>
            <a:endParaRPr lang="en-US" sz="4000" b="1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570865" indent="-570865">
              <a:buFont typeface="Wingdings" panose="05000000000000000000" pitchFamily="2" charset="2"/>
              <a:buChar char="Ø"/>
            </a:pP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âng cao năng lực giao tiếp.</a:t>
            </a:r>
            <a:endParaRPr lang="en-US" sz="4000" b="1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570865" indent="-570865">
              <a:buFont typeface="Wingdings" panose="05000000000000000000" pitchFamily="2" charset="2"/>
              <a:buChar char="Ø"/>
            </a:pPr>
            <a:r>
              <a:rPr lang="en-US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úc đẩy năng lực hợp tác.</a:t>
            </a:r>
            <a:endParaRPr lang="en-US" sz="4000" b="1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570865" indent="-570865">
              <a:buFont typeface="Wingdings" panose="05000000000000000000" pitchFamily="2" charset="2"/>
              <a:buChar char="Ø"/>
            </a:pP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Khơi dậy năng lực khám phá và sáng tạo </a:t>
            </a:r>
            <a:b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</a:br>
            <a:r>
              <a:rPr lang="en-US" altLang="zh-CN" sz="40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  <a:sym typeface="+mn-lt"/>
              </a:rPr>
              <a:t>trong quá trình học tập của học sinh.</a:t>
            </a:r>
            <a:endParaRPr lang="en-US" altLang="zh-CN" sz="4000" b="1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  <a:sym typeface="+mn-lt"/>
            </a:endParaRPr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53" presetClass="entr" presetSubtype="528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5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8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ldLvl="0" animBg="1"/>
      <p:bldP spid="6" grpId="0" bldLvl="0" animBg="1"/>
      <p:bldP spid="7" grpId="0" bldLvl="0" animBg="1"/>
      <p:bldP spid="8" grpId="0" bldLvl="0" animBg="1"/>
      <p:bldP spid="13" grpId="0" bldLvl="0" animBg="1"/>
      <p:bldP spid="14" grpId="0" bldLvl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Rectangle 3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76B3BE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vi-VN" dirty="0"/>
          </a:p>
        </p:txBody>
      </p:sp>
      <p:sp>
        <p:nvSpPr>
          <p:cNvPr id="5" name="Rectangle 4"/>
          <p:cNvSpPr/>
          <p:nvPr/>
        </p:nvSpPr>
        <p:spPr>
          <a:xfrm>
            <a:off x="390768" y="116657"/>
            <a:ext cx="11347939" cy="6471138"/>
          </a:xfrm>
          <a:prstGeom prst="rect">
            <a:avLst/>
          </a:prstGeom>
          <a:solidFill>
            <a:srgbClr val="36838F"/>
          </a:solidFill>
          <a:ln>
            <a:solidFill>
              <a:schemeClr val="accent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vi-VN" dirty="0"/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1"/>
          <a:stretch>
            <a:fillRect/>
          </a:stretch>
        </p:blipFill>
        <p:spPr>
          <a:xfrm>
            <a:off x="752475" y="347710"/>
            <a:ext cx="10629900" cy="6030912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3106423" y="1029375"/>
            <a:ext cx="4986748" cy="700746"/>
          </a:xfrm>
          <a:prstGeom prst="rect">
            <a:avLst/>
          </a:prstGeom>
          <a:solidFill>
            <a:srgbClr val="FDFDFD"/>
          </a:solidFill>
          <a:ln w="5715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vi-VN" sz="4400" b="1" dirty="0" smtClean="0">
                <a:solidFill>
                  <a:srgbClr val="ED0F1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 </a:t>
            </a:r>
            <a:r>
              <a:rPr lang="en-US" altLang="vi-VN" sz="4400" b="1" dirty="0" smtClean="0">
                <a:solidFill>
                  <a:srgbClr val="ED0F1C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ỘI DUNG</a:t>
            </a:r>
            <a:endParaRPr lang="en-US" altLang="vi-VN" sz="4400" b="1" dirty="0" smtClean="0">
              <a:solidFill>
                <a:srgbClr val="ED0F1C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Rectangle 10"/>
          <p:cNvSpPr/>
          <p:nvPr/>
        </p:nvSpPr>
        <p:spPr>
          <a:xfrm>
            <a:off x="1993174" y="3081048"/>
            <a:ext cx="3292929" cy="1551876"/>
          </a:xfrm>
          <a:prstGeom prst="rect">
            <a:avLst/>
          </a:prstGeom>
          <a:solidFill>
            <a:srgbClr val="FDFDFD"/>
          </a:solidFill>
          <a:ln w="5715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vi-VN" sz="2400" b="1" dirty="0" smtClean="0">
                <a:solidFill>
                  <a:srgbClr val="36838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.</a:t>
            </a:r>
            <a:r>
              <a:rPr lang="en-US" altLang="vi-VN" sz="2400" b="1" dirty="0" smtClean="0">
                <a:solidFill>
                  <a:srgbClr val="36838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ỘI DUNG</a:t>
            </a:r>
            <a:r>
              <a:rPr lang="vi-VN" sz="2400" b="1" dirty="0" smtClean="0">
                <a:solidFill>
                  <a:srgbClr val="36838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BIỆN PHÁP</a:t>
            </a:r>
            <a:r>
              <a:rPr lang="en-US" altLang="vi-VN" sz="2400" b="1" dirty="0" smtClean="0">
                <a:solidFill>
                  <a:srgbClr val="36838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CỦA TÁC GIẢ ĐÃ THỰC HIỆN</a:t>
            </a:r>
            <a:endParaRPr lang="en-US" altLang="vi-VN" sz="2400" b="1" dirty="0" smtClean="0">
              <a:solidFill>
                <a:srgbClr val="36838F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2" name="Rectangle 11">
            <a:hlinkClick r:id="" action="ppaction://noaction"/>
          </p:cNvPr>
          <p:cNvSpPr/>
          <p:nvPr/>
        </p:nvSpPr>
        <p:spPr>
          <a:xfrm>
            <a:off x="6104709" y="3102996"/>
            <a:ext cx="3509554" cy="1512510"/>
          </a:xfrm>
          <a:prstGeom prst="rect">
            <a:avLst/>
          </a:prstGeom>
          <a:solidFill>
            <a:srgbClr val="FDFDFD"/>
          </a:solidFill>
          <a:ln w="5715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vi-VN" sz="2400" b="1" dirty="0" smtClean="0">
                <a:solidFill>
                  <a:srgbClr val="36838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 </a:t>
            </a:r>
            <a:r>
              <a:rPr lang="en-US" altLang="vi-VN" sz="2400" b="1" dirty="0" smtClean="0">
                <a:solidFill>
                  <a:srgbClr val="36838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IỆU QUẢ CỦA CÁC BIỆN PHÁP ĐÃ THỰC HIỆN.</a:t>
            </a:r>
            <a:endParaRPr lang="en-US" sz="2400" b="1" dirty="0" smtClean="0">
              <a:solidFill>
                <a:srgbClr val="36838F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2400" b="1" dirty="0">
              <a:solidFill>
                <a:srgbClr val="36838F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cxnSp>
        <p:nvCxnSpPr>
          <p:cNvPr id="20" name="Straight Arrow Connector 19"/>
          <p:cNvCxnSpPr/>
          <p:nvPr/>
        </p:nvCxnSpPr>
        <p:spPr>
          <a:xfrm flipH="1">
            <a:off x="7758936" y="2241505"/>
            <a:ext cx="404" cy="878909"/>
          </a:xfrm>
          <a:prstGeom prst="straightConnector1">
            <a:avLst/>
          </a:prstGeom>
          <a:ln w="76200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1" name="Straight Arrow Connector 20"/>
          <p:cNvCxnSpPr/>
          <p:nvPr/>
        </p:nvCxnSpPr>
        <p:spPr>
          <a:xfrm>
            <a:off x="3551841" y="2284167"/>
            <a:ext cx="0" cy="805590"/>
          </a:xfrm>
          <a:prstGeom prst="straightConnector1">
            <a:avLst/>
          </a:prstGeom>
          <a:ln w="76200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Connector 8"/>
          <p:cNvCxnSpPr/>
          <p:nvPr/>
        </p:nvCxnSpPr>
        <p:spPr>
          <a:xfrm>
            <a:off x="5600159" y="1747539"/>
            <a:ext cx="0" cy="527919"/>
          </a:xfrm>
          <a:prstGeom prst="line">
            <a:avLst/>
          </a:prstGeom>
          <a:ln w="76200"/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4" name="Straight Connector 13"/>
          <p:cNvCxnSpPr/>
          <p:nvPr/>
        </p:nvCxnSpPr>
        <p:spPr>
          <a:xfrm>
            <a:off x="3525714" y="2275458"/>
            <a:ext cx="4269007" cy="0"/>
          </a:xfrm>
          <a:prstGeom prst="line">
            <a:avLst/>
          </a:prstGeom>
          <a:ln w="76200"/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bldLvl="0" animBg="1"/>
      <p:bldP spid="12" grpId="0" bldLvl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2012"/>
          <p:cNvSpPr/>
          <p:nvPr/>
        </p:nvSpPr>
        <p:spPr>
          <a:xfrm>
            <a:off x="7481541" y="4124666"/>
            <a:ext cx="3659124" cy="1686613"/>
          </a:xfrm>
          <a:prstGeom prst="roundRect">
            <a:avLst>
              <a:gd name="adj" fmla="val 6918"/>
            </a:avLst>
          </a:prstGeom>
          <a:solidFill>
            <a:srgbClr val="FF0000"/>
          </a:solidFill>
          <a:ln w="12700">
            <a:solidFill>
              <a:srgbClr val="A6AAA9"/>
            </a:solidFill>
            <a:miter lim="400000"/>
          </a:ln>
        </p:spPr>
        <p:txBody>
          <a:bodyPr lIns="19037" tIns="19037" rIns="19037" bIns="19037" anchor="ctr"/>
          <a:lstStyle/>
          <a:p>
            <a:pPr marL="0" marR="0" lvl="0" indent="0" algn="l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endParaRPr kumimoji="0" sz="17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Helvetica" panose="020B0604020202020204"/>
              <a:cs typeface="Helvetica" panose="020B0604020202020204"/>
              <a:sym typeface="+mn-lt"/>
            </a:endParaRPr>
          </a:p>
        </p:txBody>
      </p:sp>
      <p:sp>
        <p:nvSpPr>
          <p:cNvPr id="4" name="Shape 2014"/>
          <p:cNvSpPr/>
          <p:nvPr/>
        </p:nvSpPr>
        <p:spPr>
          <a:xfrm>
            <a:off x="2201651" y="4523079"/>
            <a:ext cx="3561372" cy="1686612"/>
          </a:xfrm>
          <a:prstGeom prst="roundRect">
            <a:avLst>
              <a:gd name="adj" fmla="val 6918"/>
            </a:avLst>
          </a:prstGeom>
          <a:solidFill>
            <a:srgbClr val="92D050"/>
          </a:solidFill>
          <a:ln w="12700">
            <a:solidFill>
              <a:srgbClr val="A6AAA9"/>
            </a:solidFill>
            <a:miter lim="400000"/>
          </a:ln>
        </p:spPr>
        <p:txBody>
          <a:bodyPr lIns="19037" tIns="19037" rIns="19037" bIns="19037" anchor="ctr"/>
          <a:lstStyle/>
          <a:p>
            <a:pPr marL="0" marR="0" lvl="0" indent="0" algn="l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endParaRPr kumimoji="0" sz="17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Helvetica" panose="020B0604020202020204"/>
              <a:cs typeface="Helvetica" panose="020B0604020202020204"/>
              <a:sym typeface="+mn-lt"/>
            </a:endParaRPr>
          </a:p>
        </p:txBody>
      </p:sp>
      <p:sp>
        <p:nvSpPr>
          <p:cNvPr id="5" name="Shape 2015"/>
          <p:cNvSpPr/>
          <p:nvPr/>
        </p:nvSpPr>
        <p:spPr>
          <a:xfrm>
            <a:off x="2521606" y="1261471"/>
            <a:ext cx="3561372" cy="1686613"/>
          </a:xfrm>
          <a:prstGeom prst="roundRect">
            <a:avLst>
              <a:gd name="adj" fmla="val 6918"/>
            </a:avLst>
          </a:prstGeom>
          <a:solidFill>
            <a:schemeClr val="accent6">
              <a:lumMod val="60000"/>
              <a:lumOff val="40000"/>
            </a:schemeClr>
          </a:solidFill>
          <a:ln w="12700">
            <a:noFill/>
            <a:miter lim="400000"/>
          </a:ln>
        </p:spPr>
        <p:txBody>
          <a:bodyPr lIns="19037" tIns="19037" rIns="19037" bIns="19037" anchor="ctr"/>
          <a:lstStyle/>
          <a:p>
            <a:pPr marL="0" marR="0" lvl="0" indent="0" algn="l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endParaRPr kumimoji="0" sz="1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Helvetica" panose="020B0604020202020204"/>
              <a:cs typeface="Helvetica" panose="020B0604020202020204"/>
              <a:sym typeface="+mn-lt"/>
            </a:endParaRPr>
          </a:p>
        </p:txBody>
      </p:sp>
      <p:sp>
        <p:nvSpPr>
          <p:cNvPr id="6" name="Shape 2016"/>
          <p:cNvSpPr/>
          <p:nvPr/>
        </p:nvSpPr>
        <p:spPr>
          <a:xfrm>
            <a:off x="5259365" y="2498814"/>
            <a:ext cx="2537880" cy="2537876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19679" h="19679" extrusionOk="0">
                <a:moveTo>
                  <a:pt x="16796" y="2882"/>
                </a:moveTo>
                <a:cubicBezTo>
                  <a:pt x="20639" y="6724"/>
                  <a:pt x="20639" y="12954"/>
                  <a:pt x="16796" y="16796"/>
                </a:cubicBezTo>
                <a:cubicBezTo>
                  <a:pt x="12954" y="20639"/>
                  <a:pt x="6724" y="20639"/>
                  <a:pt x="2882" y="16796"/>
                </a:cubicBezTo>
                <a:cubicBezTo>
                  <a:pt x="-961" y="12954"/>
                  <a:pt x="-961" y="6724"/>
                  <a:pt x="2882" y="2882"/>
                </a:cubicBezTo>
                <a:cubicBezTo>
                  <a:pt x="6724" y="-961"/>
                  <a:pt x="12954" y="-961"/>
                  <a:pt x="16796" y="2882"/>
                </a:cubicBezTo>
                <a:close/>
              </a:path>
            </a:pathLst>
          </a:custGeom>
          <a:solidFill>
            <a:srgbClr val="F5C700"/>
          </a:solidFill>
          <a:ln w="12700">
            <a:noFill/>
            <a:miter lim="400000"/>
          </a:ln>
        </p:spPr>
        <p:txBody>
          <a:bodyPr lIns="25385" tIns="25385" rIns="25385" bIns="25385" anchor="ctr"/>
          <a:lstStyle/>
          <a:p>
            <a:pPr marL="0" marR="0" lvl="0" indent="0" algn="l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endParaRPr kumimoji="0" sz="17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Helvetica" panose="020B0604020202020204"/>
              <a:cs typeface="Helvetica" panose="020B0604020202020204"/>
              <a:sym typeface="+mn-lt"/>
            </a:endParaRPr>
          </a:p>
        </p:txBody>
      </p:sp>
      <p:sp>
        <p:nvSpPr>
          <p:cNvPr id="7" name="Shape 2021"/>
          <p:cNvSpPr/>
          <p:nvPr/>
        </p:nvSpPr>
        <p:spPr>
          <a:xfrm>
            <a:off x="2329995" y="2608593"/>
            <a:ext cx="2537880" cy="1036307"/>
          </a:xfrm>
          <a:prstGeom prst="rect">
            <a:avLst/>
          </a:prstGeom>
          <a:ln w="12700">
            <a:miter lim="400000"/>
          </a:ln>
        </p:spPr>
        <p:txBody>
          <a:bodyPr lIns="0" tIns="0" rIns="0" bIns="0"/>
          <a:lstStyle>
            <a:lvl1pPr algn="l">
              <a:lnSpc>
                <a:spcPct val="120000"/>
              </a:lnSpc>
              <a:spcBef>
                <a:spcPts val="2500"/>
              </a:spcBef>
              <a:defRPr sz="2000">
                <a:solidFill>
                  <a:srgbClr val="53585F"/>
                </a:solidFill>
              </a:defRPr>
            </a:lvl1pPr>
          </a:lstStyle>
          <a:p>
            <a:pPr marL="0" marR="0" lvl="0" indent="0" algn="l" defTabSz="456565" rtl="0" eaLnBrk="1" fontAlgn="ctr" latinLnBrk="0" hangingPunct="1">
              <a:lnSpc>
                <a:spcPct val="100000"/>
              </a:lnSpc>
              <a:spcBef>
                <a:spcPts val="250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endParaRPr kumimoji="0" lang="en-US" altLang="zh-CN" sz="15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lumMod val="75000"/>
                  <a:lumOff val="25000"/>
                </a:prstClr>
              </a:solidFill>
              <a:effectLst/>
              <a:uLnTx/>
              <a:uFillTx/>
              <a:latin typeface="Helvetica" panose="020B0604020202020204"/>
              <a:cs typeface="Helvetica" panose="020B0604020202020204"/>
              <a:sym typeface="+mn-lt"/>
            </a:endParaRPr>
          </a:p>
        </p:txBody>
      </p:sp>
      <p:sp>
        <p:nvSpPr>
          <p:cNvPr id="8" name="Shape 2022"/>
          <p:cNvSpPr/>
          <p:nvPr/>
        </p:nvSpPr>
        <p:spPr>
          <a:xfrm>
            <a:off x="2555748" y="1149476"/>
            <a:ext cx="3867876" cy="1137126"/>
          </a:xfrm>
          <a:prstGeom prst="rect">
            <a:avLst/>
          </a:prstGeom>
          <a:ln w="12700">
            <a:miter lim="400000"/>
          </a:ln>
        </p:spPr>
        <p:txBody>
          <a:bodyPr lIns="0" tIns="0" rIns="0" bIns="0" anchor="ctr"/>
          <a:lstStyle>
            <a:lvl1pPr algn="l">
              <a:lnSpc>
                <a:spcPct val="120000"/>
              </a:lnSpc>
              <a:defRPr sz="3500">
                <a:solidFill>
                  <a:srgbClr val="53585F"/>
                </a:solidFill>
              </a:defRPr>
            </a:lvl1pPr>
          </a:lstStyle>
          <a:p>
            <a:pPr marL="0" marR="0" lvl="0" indent="0" algn="l" defTabSz="456565" rtl="0" eaLnBrk="1" fontAlgn="auto" latinLnBrk="0" hangingPunct="1">
              <a:lnSpc>
                <a:spcPct val="12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GV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phải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nghiên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cứu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trước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bài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dạy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để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thiết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kế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bài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dạy</a:t>
            </a:r>
            <a:endParaRPr kumimoji="0" lang="zh-CN" altLang="en-US" sz="2000" b="1" i="0" u="none" strike="noStrike" kern="1200" cap="none" spc="0" normalizeH="0" baseline="0" noProof="0" dirty="0">
              <a:ln>
                <a:noFill/>
              </a:ln>
              <a:solidFill>
                <a:srgbClr val="1D4251"/>
              </a:solidFill>
              <a:effectLst/>
              <a:uLnTx/>
              <a:uFillTx/>
              <a:latin typeface="Helvetica" panose="020B0604020202020204"/>
              <a:cs typeface="Helvetica" panose="020B0604020202020204"/>
              <a:sym typeface="+mn-lt"/>
            </a:endParaRPr>
          </a:p>
        </p:txBody>
      </p:sp>
      <p:sp>
        <p:nvSpPr>
          <p:cNvPr id="10" name="Shape 2024"/>
          <p:cNvSpPr/>
          <p:nvPr/>
        </p:nvSpPr>
        <p:spPr>
          <a:xfrm>
            <a:off x="2555748" y="4523079"/>
            <a:ext cx="3371086" cy="401615"/>
          </a:xfrm>
          <a:prstGeom prst="rect">
            <a:avLst/>
          </a:prstGeom>
          <a:ln w="12700">
            <a:miter lim="400000"/>
          </a:ln>
        </p:spPr>
        <p:txBody>
          <a:bodyPr lIns="0" tIns="0" rIns="0" bIns="0" anchor="ctr"/>
          <a:lstStyle>
            <a:lvl1pPr algn="l">
              <a:lnSpc>
                <a:spcPct val="120000"/>
              </a:lnSpc>
              <a:defRPr sz="3500">
                <a:solidFill>
                  <a:srgbClr val="53585F"/>
                </a:solidFill>
              </a:defRPr>
            </a:lvl1pPr>
          </a:lstStyle>
          <a:p>
            <a:pPr marL="0" marR="0" lvl="0" indent="0" algn="l" defTabSz="456565" rtl="0" eaLnBrk="1" fontAlgn="auto" latinLnBrk="0" hangingPunct="1">
              <a:lnSpc>
                <a:spcPct val="12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Tiến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hành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các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bước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xây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dựng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bảng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TH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thông</a:t>
            </a:r>
            <a:r>
              <a:rPr lang="en-US" altLang="zh-CN" sz="2000" b="1" dirty="0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latin typeface="Helvetica" panose="020B0604020202020204"/>
                <a:cs typeface="Helvetica" panose="020B0604020202020204"/>
                <a:sym typeface="+mn-lt"/>
              </a:rPr>
              <a:t>minh</a:t>
            </a:r>
            <a:endParaRPr kumimoji="0" lang="zh-CN" altLang="en-US" sz="2000" b="1" i="0" u="none" strike="noStrike" kern="1200" cap="none" spc="0" normalizeH="0" baseline="0" noProof="0" dirty="0">
              <a:ln>
                <a:noFill/>
              </a:ln>
              <a:solidFill>
                <a:srgbClr val="1D4251"/>
              </a:solidFill>
              <a:effectLst/>
              <a:uLnTx/>
              <a:uFillTx/>
              <a:latin typeface="Helvetica" panose="020B0604020202020204"/>
              <a:cs typeface="Helvetica" panose="020B0604020202020204"/>
              <a:sym typeface="+mn-lt"/>
            </a:endParaRPr>
          </a:p>
        </p:txBody>
      </p:sp>
      <p:sp>
        <p:nvSpPr>
          <p:cNvPr id="12" name="Shape 2026"/>
          <p:cNvSpPr/>
          <p:nvPr/>
        </p:nvSpPr>
        <p:spPr>
          <a:xfrm>
            <a:off x="7645352" y="4147687"/>
            <a:ext cx="3553951" cy="1007866"/>
          </a:xfrm>
          <a:prstGeom prst="rect">
            <a:avLst/>
          </a:prstGeom>
          <a:ln w="12700">
            <a:miter lim="400000"/>
          </a:ln>
        </p:spPr>
        <p:txBody>
          <a:bodyPr lIns="0" tIns="0" rIns="0" bIns="0" anchor="ctr"/>
          <a:lstStyle>
            <a:lvl1pPr algn="r">
              <a:defRPr sz="3500">
                <a:solidFill>
                  <a:srgbClr val="53585F"/>
                </a:solidFill>
              </a:defRPr>
            </a:lvl1pPr>
          </a:lstStyle>
          <a:p>
            <a:pPr marL="0" marR="0" lvl="0" indent="0" algn="ctr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r>
              <a:rPr lang="en-US" altLang="zh-CN" sz="2000" b="1" dirty="0" err="1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Gv</a:t>
            </a:r>
            <a:r>
              <a:rPr lang="en-US" altLang="zh-CN" sz="2000" b="1" dirty="0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thiết</a:t>
            </a:r>
            <a:r>
              <a:rPr lang="en-US" altLang="zh-CN" sz="2000" b="1" dirty="0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kế</a:t>
            </a:r>
            <a:r>
              <a:rPr lang="en-US" altLang="zh-CN" sz="2000" b="1" dirty="0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và</a:t>
            </a:r>
            <a:r>
              <a:rPr lang="en-US" altLang="zh-CN" sz="2000" b="1" dirty="0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hướng</a:t>
            </a:r>
            <a:r>
              <a:rPr lang="en-US" altLang="zh-CN" sz="2000" b="1" dirty="0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lang="en-US" altLang="zh-CN" sz="2000" b="1" dirty="0" err="1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dẫn</a:t>
            </a:r>
            <a:r>
              <a:rPr lang="en-US" altLang="zh-CN" sz="2000" b="1" dirty="0">
                <a:solidFill>
                  <a:prstClr val="white"/>
                </a:solidFill>
                <a:latin typeface="Helvetica" panose="020B0604020202020204"/>
                <a:cs typeface="Helvetica" panose="020B0604020202020204"/>
                <a:sym typeface="+mn-lt"/>
              </a:rPr>
              <a:t> HS </a:t>
            </a:r>
            <a:endParaRPr lang="en-US" altLang="zh-CN" sz="2000" b="1" dirty="0">
              <a:solidFill>
                <a:prstClr val="white"/>
              </a:solidFill>
              <a:latin typeface="Helvetica" panose="020B0604020202020204"/>
              <a:cs typeface="Helvetica" panose="020B0604020202020204"/>
              <a:sym typeface="+mn-lt"/>
            </a:endParaRPr>
          </a:p>
          <a:p>
            <a:pPr marL="0" marR="0" lvl="0" indent="0" algn="ctr" defTabSz="456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defRPr/>
            </a:pPr>
            <a:r>
              <a:rPr kumimoji="0" lang="en-US" altLang="zh-CN" sz="2000" b="1" i="0" u="none" strike="noStrike" kern="1200" cap="none" spc="0" normalizeH="0" baseline="0" noProof="0" dirty="0" err="1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rPr>
              <a:t>Sử</a:t>
            </a:r>
            <a:r>
              <a:rPr kumimoji="0" lang="en-US" altLang="zh-CN" sz="2000" b="1" i="0" u="none" strike="noStrike" kern="1200" cap="none" spc="0" normalizeH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kumimoji="0" lang="en-US" altLang="zh-CN" sz="2000" b="1" i="0" u="none" strike="noStrike" kern="1200" cap="none" spc="0" normalizeH="0" noProof="0" dirty="0" err="1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rPr>
              <a:t>dụng</a:t>
            </a:r>
            <a:r>
              <a:rPr kumimoji="0" lang="en-US" altLang="zh-CN" sz="2000" b="1" i="0" u="none" strike="noStrike" kern="1200" cap="none" spc="0" normalizeH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kumimoji="0" lang="en-US" altLang="zh-CN" sz="2000" b="1" i="0" u="none" strike="noStrike" kern="1200" cap="none" spc="0" normalizeH="0" noProof="0" dirty="0" err="1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rPr>
              <a:t>phần</a:t>
            </a:r>
            <a:r>
              <a:rPr kumimoji="0" lang="en-US" altLang="zh-CN" sz="2000" b="1" i="0" u="none" strike="noStrike" kern="1200" cap="none" spc="0" normalizeH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rPr>
              <a:t> </a:t>
            </a:r>
            <a:r>
              <a:rPr kumimoji="0" lang="en-US" altLang="zh-CN" sz="2000" b="1" i="0" u="none" strike="noStrike" kern="1200" cap="none" spc="0" normalizeH="0" noProof="0" dirty="0" err="1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rPr>
              <a:t>mềm</a:t>
            </a:r>
            <a:endParaRPr kumimoji="0" lang="zh-CN" altLang="en-US" sz="20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Helvetica" panose="020B0604020202020204"/>
              <a:cs typeface="Helvetica" panose="020B0604020202020204"/>
              <a:sym typeface="+mn-lt"/>
            </a:endParaRPr>
          </a:p>
        </p:txBody>
      </p:sp>
      <p:grpSp>
        <p:nvGrpSpPr>
          <p:cNvPr id="15" name="Group 2031"/>
          <p:cNvGrpSpPr/>
          <p:nvPr/>
        </p:nvGrpSpPr>
        <p:grpSpPr>
          <a:xfrm>
            <a:off x="2279067" y="1653108"/>
            <a:ext cx="955485" cy="955485"/>
            <a:chOff x="0" y="0"/>
            <a:chExt cx="1910968" cy="1910968"/>
          </a:xfrm>
        </p:grpSpPr>
        <p:sp>
          <p:nvSpPr>
            <p:cNvPr id="16" name="Shape 2029"/>
            <p:cNvSpPr/>
            <p:nvPr/>
          </p:nvSpPr>
          <p:spPr>
            <a:xfrm>
              <a:off x="0" y="0"/>
              <a:ext cx="1910969" cy="1910969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19679" h="19679" extrusionOk="0">
                  <a:moveTo>
                    <a:pt x="16796" y="2882"/>
                  </a:moveTo>
                  <a:cubicBezTo>
                    <a:pt x="20639" y="6724"/>
                    <a:pt x="20639" y="12954"/>
                    <a:pt x="16796" y="16796"/>
                  </a:cubicBezTo>
                  <a:cubicBezTo>
                    <a:pt x="12954" y="20639"/>
                    <a:pt x="6724" y="20639"/>
                    <a:pt x="2882" y="16796"/>
                  </a:cubicBezTo>
                  <a:cubicBezTo>
                    <a:pt x="-961" y="12954"/>
                    <a:pt x="-961" y="6724"/>
                    <a:pt x="2882" y="2882"/>
                  </a:cubicBezTo>
                  <a:cubicBezTo>
                    <a:pt x="6724" y="-961"/>
                    <a:pt x="12954" y="-961"/>
                    <a:pt x="16796" y="2882"/>
                  </a:cubicBezTo>
                  <a:close/>
                </a:path>
              </a:pathLst>
            </a:custGeom>
            <a:solidFill>
              <a:srgbClr val="1D4251"/>
            </a:solidFill>
            <a:ln w="12700" cap="flat">
              <a:noFill/>
              <a:miter lim="400000"/>
            </a:ln>
            <a:effectLst/>
          </p:spPr>
          <p:txBody>
            <a:bodyPr wrap="square" lIns="33867" tIns="33867" rIns="33867" bIns="33867" numCol="1" anchor="ctr">
              <a:noAutofit/>
            </a:bodyPr>
            <a:lstStyle/>
            <a:p>
              <a:pPr marL="0" marR="0" lvl="0" indent="0" algn="l" defTabSz="456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defRPr/>
              </a:pPr>
              <a:endParaRPr kumimoji="0" sz="17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endParaRPr>
            </a:p>
          </p:txBody>
        </p:sp>
        <p:sp>
          <p:nvSpPr>
            <p:cNvPr id="17" name="Shape 2030"/>
            <p:cNvSpPr/>
            <p:nvPr/>
          </p:nvSpPr>
          <p:spPr>
            <a:xfrm>
              <a:off x="553362" y="560070"/>
              <a:ext cx="804244" cy="706915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8071" y="8035"/>
                  </a:moveTo>
                  <a:lnTo>
                    <a:pt x="11327" y="9235"/>
                  </a:lnTo>
                  <a:lnTo>
                    <a:pt x="14583" y="4904"/>
                  </a:lnTo>
                  <a:lnTo>
                    <a:pt x="15088" y="4330"/>
                  </a:lnTo>
                  <a:lnTo>
                    <a:pt x="17289" y="6157"/>
                  </a:lnTo>
                  <a:lnTo>
                    <a:pt x="17289" y="3078"/>
                  </a:lnTo>
                  <a:lnTo>
                    <a:pt x="17289" y="0"/>
                  </a:lnTo>
                  <a:lnTo>
                    <a:pt x="14583" y="626"/>
                  </a:lnTo>
                  <a:lnTo>
                    <a:pt x="11878" y="1200"/>
                  </a:lnTo>
                  <a:lnTo>
                    <a:pt x="14033" y="3704"/>
                  </a:lnTo>
                  <a:lnTo>
                    <a:pt x="10777" y="7409"/>
                  </a:lnTo>
                  <a:lnTo>
                    <a:pt x="7567" y="6157"/>
                  </a:lnTo>
                  <a:lnTo>
                    <a:pt x="5411" y="10487"/>
                  </a:lnTo>
                  <a:lnTo>
                    <a:pt x="2155" y="9235"/>
                  </a:lnTo>
                  <a:lnTo>
                    <a:pt x="550" y="14817"/>
                  </a:lnTo>
                  <a:lnTo>
                    <a:pt x="0" y="16017"/>
                  </a:lnTo>
                  <a:lnTo>
                    <a:pt x="1055" y="16643"/>
                  </a:lnTo>
                  <a:lnTo>
                    <a:pt x="2706" y="11113"/>
                  </a:lnTo>
                  <a:lnTo>
                    <a:pt x="5916" y="12313"/>
                  </a:lnTo>
                  <a:lnTo>
                    <a:pt x="8071" y="8035"/>
                  </a:lnTo>
                  <a:lnTo>
                    <a:pt x="8071" y="8035"/>
                  </a:lnTo>
                  <a:close/>
                  <a:moveTo>
                    <a:pt x="6466" y="21600"/>
                  </a:moveTo>
                  <a:lnTo>
                    <a:pt x="6466" y="16643"/>
                  </a:lnTo>
                  <a:lnTo>
                    <a:pt x="3761" y="16643"/>
                  </a:lnTo>
                  <a:lnTo>
                    <a:pt x="3761" y="21600"/>
                  </a:lnTo>
                  <a:lnTo>
                    <a:pt x="6466" y="21600"/>
                  </a:lnTo>
                  <a:lnTo>
                    <a:pt x="6466" y="21600"/>
                  </a:lnTo>
                  <a:close/>
                  <a:moveTo>
                    <a:pt x="10227" y="21600"/>
                  </a:moveTo>
                  <a:lnTo>
                    <a:pt x="7567" y="21600"/>
                  </a:lnTo>
                  <a:lnTo>
                    <a:pt x="7567" y="14817"/>
                  </a:lnTo>
                  <a:lnTo>
                    <a:pt x="10227" y="14817"/>
                  </a:lnTo>
                  <a:lnTo>
                    <a:pt x="10227" y="21600"/>
                  </a:lnTo>
                  <a:lnTo>
                    <a:pt x="10227" y="21600"/>
                  </a:lnTo>
                  <a:close/>
                  <a:moveTo>
                    <a:pt x="14033" y="21600"/>
                  </a:moveTo>
                  <a:lnTo>
                    <a:pt x="11327" y="21600"/>
                  </a:lnTo>
                  <a:lnTo>
                    <a:pt x="11327" y="12313"/>
                  </a:lnTo>
                  <a:lnTo>
                    <a:pt x="14033" y="12313"/>
                  </a:lnTo>
                  <a:lnTo>
                    <a:pt x="14033" y="21600"/>
                  </a:lnTo>
                  <a:lnTo>
                    <a:pt x="14033" y="21600"/>
                  </a:lnTo>
                  <a:close/>
                  <a:moveTo>
                    <a:pt x="17794" y="21600"/>
                  </a:moveTo>
                  <a:lnTo>
                    <a:pt x="15088" y="21600"/>
                  </a:lnTo>
                  <a:lnTo>
                    <a:pt x="15088" y="9861"/>
                  </a:lnTo>
                  <a:lnTo>
                    <a:pt x="17794" y="9861"/>
                  </a:lnTo>
                  <a:lnTo>
                    <a:pt x="17794" y="21600"/>
                  </a:lnTo>
                  <a:lnTo>
                    <a:pt x="17794" y="21600"/>
                  </a:lnTo>
                  <a:close/>
                  <a:moveTo>
                    <a:pt x="18894" y="6783"/>
                  </a:moveTo>
                  <a:lnTo>
                    <a:pt x="18894" y="21600"/>
                  </a:lnTo>
                  <a:lnTo>
                    <a:pt x="21600" y="21600"/>
                  </a:lnTo>
                  <a:lnTo>
                    <a:pt x="21600" y="6783"/>
                  </a:lnTo>
                  <a:lnTo>
                    <a:pt x="18894" y="6783"/>
                  </a:lnTo>
                  <a:close/>
                </a:path>
              </a:pathLst>
            </a:custGeom>
            <a:solidFill>
              <a:srgbClr val="FFFFFF"/>
            </a:solidFill>
            <a:ln w="12700" cap="flat">
              <a:noFill/>
              <a:miter lim="400000"/>
            </a:ln>
            <a:effectLst/>
          </p:spPr>
          <p:txBody>
            <a:bodyPr wrap="square" lIns="0" tIns="0" rIns="0" bIns="0" numCol="1" anchor="t">
              <a:noAutofit/>
            </a:bodyPr>
            <a:lstStyle/>
            <a:p>
              <a:pPr marL="0" marR="0" lvl="0" indent="0" algn="l" defTabSz="456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defRPr/>
              </a:pPr>
              <a:endParaRPr kumimoji="0" sz="17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endParaRPr>
            </a:p>
          </p:txBody>
        </p:sp>
      </p:grpSp>
      <p:grpSp>
        <p:nvGrpSpPr>
          <p:cNvPr id="22" name="Group 2040"/>
          <p:cNvGrpSpPr/>
          <p:nvPr/>
        </p:nvGrpSpPr>
        <p:grpSpPr>
          <a:xfrm>
            <a:off x="10410965" y="5035516"/>
            <a:ext cx="955485" cy="955485"/>
            <a:chOff x="0" y="0"/>
            <a:chExt cx="1910968" cy="1910968"/>
          </a:xfrm>
        </p:grpSpPr>
        <p:sp>
          <p:nvSpPr>
            <p:cNvPr id="23" name="Shape 2038"/>
            <p:cNvSpPr/>
            <p:nvPr/>
          </p:nvSpPr>
          <p:spPr>
            <a:xfrm>
              <a:off x="0" y="0"/>
              <a:ext cx="1910969" cy="1910969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19679" h="19679" extrusionOk="0">
                  <a:moveTo>
                    <a:pt x="16796" y="2882"/>
                  </a:moveTo>
                  <a:cubicBezTo>
                    <a:pt x="20639" y="6724"/>
                    <a:pt x="20639" y="12954"/>
                    <a:pt x="16796" y="16796"/>
                  </a:cubicBezTo>
                  <a:cubicBezTo>
                    <a:pt x="12954" y="20639"/>
                    <a:pt x="6724" y="20639"/>
                    <a:pt x="2882" y="16796"/>
                  </a:cubicBezTo>
                  <a:cubicBezTo>
                    <a:pt x="-961" y="12954"/>
                    <a:pt x="-961" y="6724"/>
                    <a:pt x="2882" y="2882"/>
                  </a:cubicBezTo>
                  <a:cubicBezTo>
                    <a:pt x="6724" y="-961"/>
                    <a:pt x="12954" y="-961"/>
                    <a:pt x="16796" y="2882"/>
                  </a:cubicBezTo>
                  <a:close/>
                </a:path>
              </a:pathLst>
            </a:custGeom>
            <a:solidFill>
              <a:srgbClr val="1D4251"/>
            </a:solidFill>
            <a:ln w="12700" cap="flat">
              <a:noFill/>
              <a:miter lim="400000"/>
            </a:ln>
            <a:effectLst/>
          </p:spPr>
          <p:txBody>
            <a:bodyPr wrap="square" lIns="33867" tIns="33867" rIns="33867" bIns="33867" numCol="1" anchor="ctr">
              <a:noAutofit/>
            </a:bodyPr>
            <a:lstStyle/>
            <a:p>
              <a:pPr marL="0" marR="0" lvl="0" indent="0" algn="l" defTabSz="456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defRPr/>
              </a:pPr>
              <a:endParaRPr kumimoji="0" sz="17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endParaRPr>
            </a:p>
          </p:txBody>
        </p:sp>
        <p:sp>
          <p:nvSpPr>
            <p:cNvPr id="24" name="Shape 2039"/>
            <p:cNvSpPr/>
            <p:nvPr/>
          </p:nvSpPr>
          <p:spPr>
            <a:xfrm>
              <a:off x="657404" y="557107"/>
              <a:ext cx="596161" cy="749014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015" h="21072" extrusionOk="0">
                  <a:moveTo>
                    <a:pt x="17468" y="6506"/>
                  </a:moveTo>
                  <a:cubicBezTo>
                    <a:pt x="16410" y="7763"/>
                    <a:pt x="15333" y="6878"/>
                    <a:pt x="13824" y="5996"/>
                  </a:cubicBezTo>
                  <a:cubicBezTo>
                    <a:pt x="12317" y="5116"/>
                    <a:pt x="10950" y="4575"/>
                    <a:pt x="12006" y="3318"/>
                  </a:cubicBezTo>
                  <a:cubicBezTo>
                    <a:pt x="13062" y="2059"/>
                    <a:pt x="15140" y="1754"/>
                    <a:pt x="16648" y="2634"/>
                  </a:cubicBezTo>
                  <a:cubicBezTo>
                    <a:pt x="18155" y="3515"/>
                    <a:pt x="18522" y="5248"/>
                    <a:pt x="17468" y="6506"/>
                  </a:cubicBezTo>
                  <a:close/>
                  <a:moveTo>
                    <a:pt x="20868" y="4865"/>
                  </a:moveTo>
                  <a:cubicBezTo>
                    <a:pt x="20191" y="1663"/>
                    <a:pt x="16530" y="-474"/>
                    <a:pt x="12691" y="90"/>
                  </a:cubicBezTo>
                  <a:cubicBezTo>
                    <a:pt x="8853" y="655"/>
                    <a:pt x="5613" y="3118"/>
                    <a:pt x="6290" y="6320"/>
                  </a:cubicBezTo>
                  <a:cubicBezTo>
                    <a:pt x="6436" y="7009"/>
                    <a:pt x="6840" y="8088"/>
                    <a:pt x="7318" y="8862"/>
                  </a:cubicBezTo>
                  <a:lnTo>
                    <a:pt x="346" y="17166"/>
                  </a:lnTo>
                  <a:cubicBezTo>
                    <a:pt x="90" y="17473"/>
                    <a:pt x="-56" y="18024"/>
                    <a:pt x="20" y="18392"/>
                  </a:cubicBezTo>
                  <a:lnTo>
                    <a:pt x="470" y="20511"/>
                  </a:lnTo>
                  <a:cubicBezTo>
                    <a:pt x="547" y="20879"/>
                    <a:pt x="971" y="21126"/>
                    <a:pt x="1412" y="21061"/>
                  </a:cubicBezTo>
                  <a:lnTo>
                    <a:pt x="3454" y="20761"/>
                  </a:lnTo>
                  <a:cubicBezTo>
                    <a:pt x="3895" y="20696"/>
                    <a:pt x="4457" y="20387"/>
                    <a:pt x="4700" y="20072"/>
                  </a:cubicBezTo>
                  <a:lnTo>
                    <a:pt x="7456" y="16513"/>
                  </a:lnTo>
                  <a:lnTo>
                    <a:pt x="7480" y="16490"/>
                  </a:lnTo>
                  <a:lnTo>
                    <a:pt x="9346" y="16216"/>
                  </a:lnTo>
                  <a:lnTo>
                    <a:pt x="12566" y="12046"/>
                  </a:lnTo>
                  <a:cubicBezTo>
                    <a:pt x="13623" y="12195"/>
                    <a:pt x="15142" y="12146"/>
                    <a:pt x="16039" y="12013"/>
                  </a:cubicBezTo>
                  <a:cubicBezTo>
                    <a:pt x="19878" y="11449"/>
                    <a:pt x="21544" y="8068"/>
                    <a:pt x="20868" y="4865"/>
                  </a:cubicBezTo>
                  <a:close/>
                </a:path>
              </a:pathLst>
            </a:custGeom>
            <a:solidFill>
              <a:srgbClr val="FFFFFF"/>
            </a:solidFill>
            <a:ln w="12700" cap="flat">
              <a:noFill/>
              <a:miter lim="400000"/>
            </a:ln>
            <a:effectLst/>
          </p:spPr>
          <p:txBody>
            <a:bodyPr wrap="square" lIns="0" tIns="0" rIns="0" bIns="0" numCol="1" anchor="ctr">
              <a:noAutofit/>
            </a:bodyPr>
            <a:lstStyle/>
            <a:p>
              <a:pPr marL="0" marR="0" lvl="0" indent="0" algn="l" defTabSz="456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defRPr/>
              </a:pPr>
              <a:endParaRPr kumimoji="0" sz="17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endParaRPr>
            </a:p>
          </p:txBody>
        </p:sp>
      </p:grpSp>
      <p:sp>
        <p:nvSpPr>
          <p:cNvPr id="25" name="Text Placeholder 5"/>
          <p:cNvSpPr txBox="1"/>
          <p:nvPr/>
        </p:nvSpPr>
        <p:spPr>
          <a:xfrm>
            <a:off x="5887415" y="3528715"/>
            <a:ext cx="1535488" cy="633719"/>
          </a:xfrm>
          <a:prstGeom prst="rect">
            <a:avLst/>
          </a:prstGeom>
        </p:spPr>
        <p:txBody>
          <a:bodyPr vert="horz" lIns="0" tIns="0" rIns="0" bIns="0" rtlCol="0" anchor="ctr">
            <a:noAutofit/>
          </a:bodyPr>
          <a:lstStyle>
            <a:lvl1pPr marL="0" indent="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750" kern="12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Open Sans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Open Sans 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Open Sans 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Open Sans 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defRPr/>
            </a:pPr>
            <a:r>
              <a:rPr kumimoji="0" lang="en-US" altLang="zh-CN" sz="2800" b="1" i="0" u="none" strike="noStrike" kern="1200" cap="none" spc="0" normalizeH="0" baseline="0" noProof="0" dirty="0" err="1">
                <a:ln>
                  <a:noFill/>
                </a:ln>
                <a:solidFill>
                  <a:srgbClr val="162F81"/>
                </a:solidFill>
                <a:effectLst/>
                <a:uLnTx/>
                <a:uFillTx/>
                <a:latin typeface="Helvetica" panose="020B0604020202020204"/>
                <a:ea typeface="+mn-ea"/>
                <a:cs typeface="Helvetica" panose="020B0604020202020204"/>
                <a:sym typeface="+mn-lt"/>
              </a:rPr>
              <a:t>PHẦN</a:t>
            </a:r>
            <a:r>
              <a:rPr kumimoji="0" lang="en-US" altLang="zh-CN" sz="2800" b="1" i="0" u="none" strike="noStrike" kern="1200" cap="none" spc="0" normalizeH="0" baseline="0" noProof="0" dirty="0">
                <a:ln>
                  <a:noFill/>
                </a:ln>
                <a:solidFill>
                  <a:srgbClr val="162F81"/>
                </a:solidFill>
                <a:effectLst/>
                <a:uLnTx/>
                <a:uFillTx/>
                <a:latin typeface="Helvetica" panose="020B0604020202020204"/>
                <a:ea typeface="+mn-ea"/>
                <a:cs typeface="Helvetica" panose="020B0604020202020204"/>
                <a:sym typeface="+mn-lt"/>
              </a:rPr>
              <a:t> </a:t>
            </a:r>
            <a:r>
              <a:rPr kumimoji="0" lang="en-US" altLang="zh-CN" sz="2800" b="1" i="0" u="none" strike="noStrike" kern="1200" cap="none" spc="0" normalizeH="0" baseline="0" noProof="0" dirty="0" err="1">
                <a:ln>
                  <a:noFill/>
                </a:ln>
                <a:solidFill>
                  <a:srgbClr val="162F81"/>
                </a:solidFill>
                <a:effectLst/>
                <a:uLnTx/>
                <a:uFillTx/>
                <a:latin typeface="Helvetica" panose="020B0604020202020204"/>
                <a:ea typeface="+mn-ea"/>
                <a:cs typeface="Helvetica" panose="020B0604020202020204"/>
                <a:sym typeface="+mn-lt"/>
              </a:rPr>
              <a:t>NỘI</a:t>
            </a:r>
            <a:r>
              <a:rPr kumimoji="0" lang="en-US" altLang="zh-CN" sz="2800" b="1" i="0" u="none" strike="noStrike" kern="1200" cap="none" spc="0" normalizeH="0" baseline="0" noProof="0" dirty="0">
                <a:ln>
                  <a:noFill/>
                </a:ln>
                <a:solidFill>
                  <a:srgbClr val="162F81"/>
                </a:solidFill>
                <a:effectLst/>
                <a:uLnTx/>
                <a:uFillTx/>
                <a:latin typeface="Helvetica" panose="020B0604020202020204"/>
                <a:ea typeface="+mn-ea"/>
                <a:cs typeface="Helvetica" panose="020B0604020202020204"/>
                <a:sym typeface="+mn-lt"/>
              </a:rPr>
              <a:t> DUNG</a:t>
            </a:r>
            <a:endParaRPr kumimoji="0" lang="en-GB" altLang="zh-CN" sz="2800" b="1" i="0" u="none" strike="noStrike" kern="1200" cap="none" spc="0" normalizeH="0" baseline="0" noProof="0" dirty="0">
              <a:ln>
                <a:noFill/>
              </a:ln>
              <a:solidFill>
                <a:srgbClr val="162F81"/>
              </a:solidFill>
              <a:effectLst/>
              <a:uLnTx/>
              <a:uFillTx/>
              <a:latin typeface="Helvetica" panose="020B0604020202020204"/>
              <a:ea typeface="+mn-ea"/>
              <a:cs typeface="Helvetica" panose="020B0604020202020204"/>
              <a:sym typeface="+mn-lt"/>
            </a:endParaRPr>
          </a:p>
        </p:txBody>
      </p:sp>
      <p:grpSp>
        <p:nvGrpSpPr>
          <p:cNvPr id="27" name="Group 26"/>
          <p:cNvGrpSpPr/>
          <p:nvPr/>
        </p:nvGrpSpPr>
        <p:grpSpPr>
          <a:xfrm>
            <a:off x="1460788" y="4620851"/>
            <a:ext cx="950152" cy="950152"/>
            <a:chOff x="1109974" y="4345962"/>
            <a:chExt cx="950152" cy="950152"/>
          </a:xfrm>
        </p:grpSpPr>
        <p:sp>
          <p:nvSpPr>
            <p:cNvPr id="19" name="Shape 2032"/>
            <p:cNvSpPr/>
            <p:nvPr/>
          </p:nvSpPr>
          <p:spPr>
            <a:xfrm>
              <a:off x="1109974" y="4345962"/>
              <a:ext cx="950152" cy="950152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19679" h="19679" extrusionOk="0">
                  <a:moveTo>
                    <a:pt x="16796" y="2882"/>
                  </a:moveTo>
                  <a:cubicBezTo>
                    <a:pt x="20639" y="6724"/>
                    <a:pt x="20639" y="12954"/>
                    <a:pt x="16796" y="16796"/>
                  </a:cubicBezTo>
                  <a:cubicBezTo>
                    <a:pt x="12954" y="20639"/>
                    <a:pt x="6724" y="20639"/>
                    <a:pt x="2882" y="16796"/>
                  </a:cubicBezTo>
                  <a:cubicBezTo>
                    <a:pt x="-961" y="12954"/>
                    <a:pt x="-961" y="6724"/>
                    <a:pt x="2882" y="2882"/>
                  </a:cubicBezTo>
                  <a:cubicBezTo>
                    <a:pt x="6724" y="-961"/>
                    <a:pt x="12954" y="-961"/>
                    <a:pt x="16796" y="2882"/>
                  </a:cubicBezTo>
                  <a:close/>
                </a:path>
              </a:pathLst>
            </a:custGeom>
            <a:solidFill>
              <a:srgbClr val="1D4251"/>
            </a:solidFill>
            <a:ln w="12700" cap="flat">
              <a:noFill/>
              <a:miter lim="400000"/>
            </a:ln>
            <a:effectLst/>
          </p:spPr>
          <p:txBody>
            <a:bodyPr wrap="square" lIns="33867" tIns="33867" rIns="33867" bIns="33867" numCol="1" anchor="ctr">
              <a:noAutofit/>
            </a:bodyPr>
            <a:lstStyle/>
            <a:p>
              <a:pPr marL="0" marR="0" lvl="0" indent="0" algn="l" defTabSz="456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defRPr/>
              </a:pPr>
              <a:endParaRPr kumimoji="0" sz="17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/>
                <a:cs typeface="Helvetica" panose="020B0604020202020204"/>
                <a:sym typeface="+mn-lt"/>
              </a:endParaRPr>
            </a:p>
          </p:txBody>
        </p:sp>
        <p:pic>
          <p:nvPicPr>
            <p:cNvPr id="31" name="Picture 30"/>
            <p:cNvPicPr>
              <a:picLocks noChangeAspect="1"/>
            </p:cNvPicPr>
            <p:nvPr/>
          </p:nvPicPr>
          <p:blipFill>
            <a:blip r:embed="rId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293231" y="4541739"/>
              <a:ext cx="564082" cy="564082"/>
            </a:xfrm>
            <a:prstGeom prst="rect">
              <a:avLst/>
            </a:prstGeom>
          </p:spPr>
        </p:pic>
      </p:grpSp>
      <p:pic>
        <p:nvPicPr>
          <p:cNvPr id="1027" name="Picture 1" descr="A screenshot of a computer&#10;&#10;Description automatically generated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54347" y="2104779"/>
            <a:ext cx="1577181" cy="86937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430144" y="5155553"/>
            <a:ext cx="3040039" cy="893881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0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6" dur="500"/>
                                        <p:tgtEl>
                                          <p:spTgt spid="10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6" presetClass="entr" presetSubtype="2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4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4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5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53" dur="2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9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500"/>
                            </p:stCondLst>
                            <p:childTnLst>
                              <p:par>
                                <p:cTn id="62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4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5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1000"/>
                            </p:stCondLst>
                            <p:childTnLst>
                              <p:par>
                                <p:cTn id="6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4" grpId="0" animBg="1"/>
      <p:bldP spid="5" grpId="0" animBg="1"/>
      <p:bldP spid="6" grpId="0" animBg="1"/>
      <p:bldP spid="7" grpId="0" animBg="1"/>
      <p:bldP spid="8" grpId="0" animBg="1"/>
      <p:bldP spid="10" grpId="0" animBg="1"/>
      <p:bldP spid="12" grpId="0" animBg="1"/>
      <p:bldP spid="25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2012"/>
          <p:cNvSpPr/>
          <p:nvPr/>
        </p:nvSpPr>
        <p:spPr>
          <a:xfrm>
            <a:off x="7481541" y="4124666"/>
            <a:ext cx="3659124" cy="1686613"/>
          </a:xfrm>
          <a:prstGeom prst="roundRect">
            <a:avLst>
              <a:gd name="adj" fmla="val 6918"/>
            </a:avLst>
          </a:prstGeom>
          <a:solidFill>
            <a:srgbClr val="FF0000"/>
          </a:solidFill>
          <a:ln w="12700">
            <a:solidFill>
              <a:srgbClr val="A6AAA9"/>
            </a:solidFill>
            <a:miter lim="400000"/>
          </a:ln>
        </p:spPr>
        <p:txBody>
          <a:bodyPr lIns="19037" tIns="19037" rIns="19037" bIns="19037" anchor="ctr"/>
          <a:lstStyle/>
          <a:p>
            <a:pPr lvl="0"/>
            <a:endParaRPr sz="1700">
              <a:cs typeface="+mn-ea"/>
              <a:sym typeface="+mn-lt"/>
            </a:endParaRPr>
          </a:p>
        </p:txBody>
      </p:sp>
      <p:sp>
        <p:nvSpPr>
          <p:cNvPr id="4" name="Shape 2014"/>
          <p:cNvSpPr/>
          <p:nvPr/>
        </p:nvSpPr>
        <p:spPr>
          <a:xfrm>
            <a:off x="2201651" y="4523079"/>
            <a:ext cx="3561372" cy="1686612"/>
          </a:xfrm>
          <a:prstGeom prst="roundRect">
            <a:avLst>
              <a:gd name="adj" fmla="val 6918"/>
            </a:avLst>
          </a:prstGeom>
          <a:solidFill>
            <a:srgbClr val="92D050"/>
          </a:solidFill>
          <a:ln w="12700">
            <a:solidFill>
              <a:srgbClr val="A6AAA9"/>
            </a:solidFill>
            <a:miter lim="400000"/>
          </a:ln>
        </p:spPr>
        <p:txBody>
          <a:bodyPr lIns="19037" tIns="19037" rIns="19037" bIns="19037" anchor="ctr"/>
          <a:lstStyle/>
          <a:p>
            <a:pPr lvl="0"/>
            <a:endParaRPr sz="1700">
              <a:cs typeface="+mn-ea"/>
              <a:sym typeface="+mn-lt"/>
            </a:endParaRPr>
          </a:p>
        </p:txBody>
      </p:sp>
      <p:sp>
        <p:nvSpPr>
          <p:cNvPr id="5" name="Shape 2015"/>
          <p:cNvSpPr/>
          <p:nvPr/>
        </p:nvSpPr>
        <p:spPr>
          <a:xfrm>
            <a:off x="2862252" y="1325813"/>
            <a:ext cx="3561372" cy="1686613"/>
          </a:xfrm>
          <a:prstGeom prst="roundRect">
            <a:avLst>
              <a:gd name="adj" fmla="val 6918"/>
            </a:avLst>
          </a:prstGeom>
          <a:solidFill>
            <a:schemeClr val="accent6">
              <a:lumMod val="60000"/>
              <a:lumOff val="40000"/>
            </a:schemeClr>
          </a:solidFill>
          <a:ln w="12700">
            <a:noFill/>
            <a:miter lim="400000"/>
          </a:ln>
        </p:spPr>
        <p:txBody>
          <a:bodyPr lIns="19037" tIns="19037" rIns="19037" bIns="19037" anchor="ctr"/>
          <a:lstStyle/>
          <a:p>
            <a:pPr lvl="0"/>
            <a:endParaRPr sz="1700">
              <a:cs typeface="+mn-ea"/>
              <a:sym typeface="+mn-lt"/>
            </a:endParaRPr>
          </a:p>
        </p:txBody>
      </p:sp>
      <p:sp>
        <p:nvSpPr>
          <p:cNvPr id="6" name="Shape 2016"/>
          <p:cNvSpPr/>
          <p:nvPr/>
        </p:nvSpPr>
        <p:spPr>
          <a:xfrm>
            <a:off x="5259365" y="2498814"/>
            <a:ext cx="2537880" cy="2537876"/>
          </a:xfrm>
          <a:custGeom>
            <a:avLst/>
            <a:gdLst/>
            <a:ahLst/>
            <a:cxnLst>
              <a:cxn ang="0">
                <a:pos x="wd2" y="hd2"/>
              </a:cxn>
              <a:cxn ang="5400000">
                <a:pos x="wd2" y="hd2"/>
              </a:cxn>
              <a:cxn ang="10800000">
                <a:pos x="wd2" y="hd2"/>
              </a:cxn>
              <a:cxn ang="16200000">
                <a:pos x="wd2" y="hd2"/>
              </a:cxn>
            </a:cxnLst>
            <a:rect l="0" t="0" r="r" b="b"/>
            <a:pathLst>
              <a:path w="19679" h="19679" extrusionOk="0">
                <a:moveTo>
                  <a:pt x="16796" y="2882"/>
                </a:moveTo>
                <a:cubicBezTo>
                  <a:pt x="20639" y="6724"/>
                  <a:pt x="20639" y="12954"/>
                  <a:pt x="16796" y="16796"/>
                </a:cubicBezTo>
                <a:cubicBezTo>
                  <a:pt x="12954" y="20639"/>
                  <a:pt x="6724" y="20639"/>
                  <a:pt x="2882" y="16796"/>
                </a:cubicBezTo>
                <a:cubicBezTo>
                  <a:pt x="-961" y="12954"/>
                  <a:pt x="-961" y="6724"/>
                  <a:pt x="2882" y="2882"/>
                </a:cubicBezTo>
                <a:cubicBezTo>
                  <a:pt x="6724" y="-961"/>
                  <a:pt x="12954" y="-961"/>
                  <a:pt x="16796" y="2882"/>
                </a:cubicBezTo>
                <a:close/>
              </a:path>
            </a:pathLst>
          </a:custGeom>
          <a:solidFill>
            <a:srgbClr val="F5C700"/>
          </a:solidFill>
          <a:ln w="12700">
            <a:noFill/>
            <a:miter lim="400000"/>
          </a:ln>
        </p:spPr>
        <p:txBody>
          <a:bodyPr lIns="25385" tIns="25385" rIns="25385" bIns="25385" anchor="ctr"/>
          <a:lstStyle/>
          <a:p>
            <a:pPr lvl="0"/>
            <a:endParaRPr sz="1700">
              <a:cs typeface="+mn-ea"/>
              <a:sym typeface="+mn-lt"/>
            </a:endParaRPr>
          </a:p>
        </p:txBody>
      </p:sp>
      <p:sp>
        <p:nvSpPr>
          <p:cNvPr id="7" name="Shape 2021"/>
          <p:cNvSpPr/>
          <p:nvPr/>
        </p:nvSpPr>
        <p:spPr>
          <a:xfrm>
            <a:off x="2329995" y="2608593"/>
            <a:ext cx="2537880" cy="1036307"/>
          </a:xfrm>
          <a:prstGeom prst="rect">
            <a:avLst/>
          </a:prstGeom>
          <a:ln w="12700">
            <a:miter lim="400000"/>
          </a:ln>
        </p:spPr>
        <p:txBody>
          <a:bodyPr lIns="0" tIns="0" rIns="0" bIns="0"/>
          <a:lstStyle>
            <a:lvl1pPr algn="l">
              <a:lnSpc>
                <a:spcPct val="120000"/>
              </a:lnSpc>
              <a:spcBef>
                <a:spcPts val="2500"/>
              </a:spcBef>
              <a:defRPr sz="2000">
                <a:solidFill>
                  <a:srgbClr val="53585F"/>
                </a:solidFill>
              </a:defRPr>
            </a:lvl1pPr>
          </a:lstStyle>
          <a:p>
            <a:pPr fontAlgn="ctr">
              <a:lnSpc>
                <a:spcPct val="100000"/>
              </a:lnSpc>
            </a:pPr>
            <a:endParaRPr lang="en-US" altLang="zh-CN" sz="1500" dirty="0">
              <a:solidFill>
                <a:schemeClr val="tx1">
                  <a:lumMod val="75000"/>
                  <a:lumOff val="25000"/>
                </a:schemeClr>
              </a:solidFill>
              <a:cs typeface="+mn-ea"/>
              <a:sym typeface="+mn-lt"/>
            </a:endParaRPr>
          </a:p>
        </p:txBody>
      </p:sp>
      <p:sp>
        <p:nvSpPr>
          <p:cNvPr id="8" name="Shape 2022"/>
          <p:cNvSpPr/>
          <p:nvPr/>
        </p:nvSpPr>
        <p:spPr>
          <a:xfrm>
            <a:off x="3350522" y="1526386"/>
            <a:ext cx="3073102" cy="401615"/>
          </a:xfrm>
          <a:prstGeom prst="rect">
            <a:avLst/>
          </a:prstGeom>
          <a:ln w="12700">
            <a:miter lim="400000"/>
          </a:ln>
        </p:spPr>
        <p:txBody>
          <a:bodyPr lIns="0" tIns="0" rIns="0" bIns="0" anchor="ctr"/>
          <a:lstStyle>
            <a:lvl1pPr algn="l">
              <a:lnSpc>
                <a:spcPct val="120000"/>
              </a:lnSpc>
              <a:defRPr sz="3500">
                <a:solidFill>
                  <a:srgbClr val="53585F"/>
                </a:solidFill>
              </a:defRPr>
            </a:lvl1pPr>
          </a:lstStyle>
          <a:p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CÁC</a:t>
            </a:r>
            <a:r>
              <a:rPr lang="en-US" altLang="zh-CN" sz="20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NGUYÊN</a:t>
            </a:r>
            <a:r>
              <a:rPr lang="en-US" altLang="zh-CN" sz="20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VẬT</a:t>
            </a:r>
            <a:r>
              <a:rPr lang="en-US" altLang="zh-CN" sz="20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LIỆU</a:t>
            </a:r>
            <a:r>
              <a:rPr lang="en-US" altLang="zh-CN" sz="20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LÀM</a:t>
            </a:r>
            <a:r>
              <a:rPr lang="en-US" altLang="zh-CN" sz="20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NÊN</a:t>
            </a:r>
            <a:r>
              <a:rPr lang="en-US" altLang="zh-CN" sz="20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SẢN</a:t>
            </a:r>
            <a:r>
              <a:rPr lang="en-US" altLang="zh-CN" sz="20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PHẨM</a:t>
            </a:r>
            <a:endParaRPr lang="zh-CN" altLang="en-US" sz="2000" b="1" dirty="0">
              <a:solidFill>
                <a:srgbClr val="1D4251"/>
              </a:solidFill>
              <a:cs typeface="+mn-ea"/>
              <a:sym typeface="+mn-lt"/>
            </a:endParaRPr>
          </a:p>
        </p:txBody>
      </p:sp>
      <p:sp>
        <p:nvSpPr>
          <p:cNvPr id="10" name="Shape 2024"/>
          <p:cNvSpPr/>
          <p:nvPr/>
        </p:nvSpPr>
        <p:spPr>
          <a:xfrm>
            <a:off x="2555748" y="4523079"/>
            <a:ext cx="2919804" cy="401615"/>
          </a:xfrm>
          <a:prstGeom prst="rect">
            <a:avLst/>
          </a:prstGeom>
          <a:ln w="12700">
            <a:miter lim="400000"/>
          </a:ln>
        </p:spPr>
        <p:txBody>
          <a:bodyPr lIns="0" tIns="0" rIns="0" bIns="0" anchor="ctr"/>
          <a:lstStyle>
            <a:lvl1pPr algn="l">
              <a:lnSpc>
                <a:spcPct val="120000"/>
              </a:lnSpc>
              <a:defRPr sz="3500">
                <a:solidFill>
                  <a:srgbClr val="53585F"/>
                </a:solidFill>
              </a:defRPr>
            </a:lvl1pPr>
          </a:lstStyle>
          <a:p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CẤU</a:t>
            </a:r>
            <a:r>
              <a:rPr lang="en-US" altLang="zh-CN" sz="20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TẠO</a:t>
            </a:r>
            <a:r>
              <a:rPr lang="en-US" altLang="zh-CN" sz="20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MÔ</a:t>
            </a:r>
            <a:r>
              <a:rPr lang="en-US" altLang="zh-CN" sz="20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rgbClr val="1D4251"/>
                </a:solidFill>
                <a:cs typeface="+mn-ea"/>
                <a:sym typeface="+mn-lt"/>
              </a:rPr>
              <a:t>HÌNH</a:t>
            </a:r>
            <a:r>
              <a:rPr lang="en-US" altLang="zh-CN" sz="2000" b="1" dirty="0">
                <a:solidFill>
                  <a:srgbClr val="1D4251"/>
                </a:solidFill>
                <a:cs typeface="+mn-ea"/>
                <a:sym typeface="+mn-lt"/>
              </a:rPr>
              <a:t> SP</a:t>
            </a:r>
            <a:endParaRPr lang="zh-CN" altLang="en-US" sz="2000" b="1" dirty="0">
              <a:solidFill>
                <a:srgbClr val="1D4251"/>
              </a:solidFill>
              <a:cs typeface="+mn-ea"/>
              <a:sym typeface="+mn-lt"/>
            </a:endParaRPr>
          </a:p>
        </p:txBody>
      </p:sp>
      <p:sp>
        <p:nvSpPr>
          <p:cNvPr id="12" name="Shape 2026"/>
          <p:cNvSpPr/>
          <p:nvPr/>
        </p:nvSpPr>
        <p:spPr>
          <a:xfrm>
            <a:off x="7645352" y="4147687"/>
            <a:ext cx="3553951" cy="401615"/>
          </a:xfrm>
          <a:prstGeom prst="rect">
            <a:avLst/>
          </a:prstGeom>
          <a:ln w="12700">
            <a:miter lim="400000"/>
          </a:ln>
        </p:spPr>
        <p:txBody>
          <a:bodyPr lIns="0" tIns="0" rIns="0" bIns="0" anchor="ctr"/>
          <a:lstStyle>
            <a:lvl1pPr algn="r">
              <a:defRPr sz="3500">
                <a:solidFill>
                  <a:srgbClr val="53585F"/>
                </a:solidFill>
              </a:defRPr>
            </a:lvl1pPr>
          </a:lstStyle>
          <a:p>
            <a:pPr algn="ctr"/>
            <a:r>
              <a:rPr lang="en-US" altLang="zh-CN" sz="2000" b="1" dirty="0" err="1">
                <a:solidFill>
                  <a:schemeClr val="bg1"/>
                </a:solidFill>
                <a:cs typeface="+mn-ea"/>
                <a:sym typeface="+mn-lt"/>
              </a:rPr>
              <a:t>NGUYÊN</a:t>
            </a:r>
            <a:r>
              <a:rPr lang="en-US" altLang="zh-CN" sz="2000" b="1" dirty="0">
                <a:solidFill>
                  <a:schemeClr val="bg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chemeClr val="bg1"/>
                </a:solidFill>
                <a:cs typeface="+mn-ea"/>
                <a:sym typeface="+mn-lt"/>
              </a:rPr>
              <a:t>TẮC</a:t>
            </a:r>
            <a:r>
              <a:rPr lang="en-US" altLang="zh-CN" sz="2000" b="1" dirty="0">
                <a:solidFill>
                  <a:schemeClr val="bg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chemeClr val="bg1"/>
                </a:solidFill>
                <a:cs typeface="+mn-ea"/>
                <a:sym typeface="+mn-lt"/>
              </a:rPr>
              <a:t>HOẠT</a:t>
            </a:r>
            <a:r>
              <a:rPr lang="en-US" altLang="zh-CN" sz="2000" b="1" dirty="0">
                <a:solidFill>
                  <a:schemeClr val="bg1"/>
                </a:solidFill>
                <a:cs typeface="+mn-ea"/>
                <a:sym typeface="+mn-lt"/>
              </a:rPr>
              <a:t> </a:t>
            </a:r>
            <a:r>
              <a:rPr lang="en-US" altLang="zh-CN" sz="2000" b="1" dirty="0" err="1">
                <a:solidFill>
                  <a:schemeClr val="bg1"/>
                </a:solidFill>
                <a:cs typeface="+mn-ea"/>
                <a:sym typeface="+mn-lt"/>
              </a:rPr>
              <a:t>ĐỘNG</a:t>
            </a:r>
            <a:endParaRPr lang="zh-CN" altLang="en-US" sz="2000" b="1" dirty="0">
              <a:solidFill>
                <a:schemeClr val="bg1"/>
              </a:solidFill>
              <a:cs typeface="+mn-ea"/>
              <a:sym typeface="+mn-lt"/>
            </a:endParaRPr>
          </a:p>
        </p:txBody>
      </p:sp>
      <p:grpSp>
        <p:nvGrpSpPr>
          <p:cNvPr id="15" name="Group 2031"/>
          <p:cNvGrpSpPr/>
          <p:nvPr/>
        </p:nvGrpSpPr>
        <p:grpSpPr>
          <a:xfrm>
            <a:off x="2279067" y="1653108"/>
            <a:ext cx="955485" cy="955485"/>
            <a:chOff x="0" y="0"/>
            <a:chExt cx="1910968" cy="1910968"/>
          </a:xfrm>
        </p:grpSpPr>
        <p:sp>
          <p:nvSpPr>
            <p:cNvPr id="16" name="Shape 2029"/>
            <p:cNvSpPr/>
            <p:nvPr/>
          </p:nvSpPr>
          <p:spPr>
            <a:xfrm>
              <a:off x="0" y="0"/>
              <a:ext cx="1910969" cy="1910969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19679" h="19679" extrusionOk="0">
                  <a:moveTo>
                    <a:pt x="16796" y="2882"/>
                  </a:moveTo>
                  <a:cubicBezTo>
                    <a:pt x="20639" y="6724"/>
                    <a:pt x="20639" y="12954"/>
                    <a:pt x="16796" y="16796"/>
                  </a:cubicBezTo>
                  <a:cubicBezTo>
                    <a:pt x="12954" y="20639"/>
                    <a:pt x="6724" y="20639"/>
                    <a:pt x="2882" y="16796"/>
                  </a:cubicBezTo>
                  <a:cubicBezTo>
                    <a:pt x="-961" y="12954"/>
                    <a:pt x="-961" y="6724"/>
                    <a:pt x="2882" y="2882"/>
                  </a:cubicBezTo>
                  <a:cubicBezTo>
                    <a:pt x="6724" y="-961"/>
                    <a:pt x="12954" y="-961"/>
                    <a:pt x="16796" y="2882"/>
                  </a:cubicBezTo>
                  <a:close/>
                </a:path>
              </a:pathLst>
            </a:custGeom>
            <a:solidFill>
              <a:srgbClr val="1D4251"/>
            </a:solidFill>
            <a:ln w="12700" cap="flat">
              <a:noFill/>
              <a:miter lim="400000"/>
            </a:ln>
            <a:effectLst/>
          </p:spPr>
          <p:txBody>
            <a:bodyPr wrap="square" lIns="33867" tIns="33867" rIns="33867" bIns="33867" numCol="1" anchor="ctr">
              <a:noAutofit/>
            </a:bodyPr>
            <a:lstStyle/>
            <a:p>
              <a:pPr lvl="0"/>
              <a:endParaRPr sz="1700">
                <a:cs typeface="+mn-ea"/>
                <a:sym typeface="+mn-lt"/>
              </a:endParaRPr>
            </a:p>
          </p:txBody>
        </p:sp>
        <p:sp>
          <p:nvSpPr>
            <p:cNvPr id="17" name="Shape 2030"/>
            <p:cNvSpPr/>
            <p:nvPr/>
          </p:nvSpPr>
          <p:spPr>
            <a:xfrm>
              <a:off x="553362" y="560070"/>
              <a:ext cx="804244" cy="706915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600" h="21600" extrusionOk="0">
                  <a:moveTo>
                    <a:pt x="8071" y="8035"/>
                  </a:moveTo>
                  <a:lnTo>
                    <a:pt x="11327" y="9235"/>
                  </a:lnTo>
                  <a:lnTo>
                    <a:pt x="14583" y="4904"/>
                  </a:lnTo>
                  <a:lnTo>
                    <a:pt x="15088" y="4330"/>
                  </a:lnTo>
                  <a:lnTo>
                    <a:pt x="17289" y="6157"/>
                  </a:lnTo>
                  <a:lnTo>
                    <a:pt x="17289" y="3078"/>
                  </a:lnTo>
                  <a:lnTo>
                    <a:pt x="17289" y="0"/>
                  </a:lnTo>
                  <a:lnTo>
                    <a:pt x="14583" y="626"/>
                  </a:lnTo>
                  <a:lnTo>
                    <a:pt x="11878" y="1200"/>
                  </a:lnTo>
                  <a:lnTo>
                    <a:pt x="14033" y="3704"/>
                  </a:lnTo>
                  <a:lnTo>
                    <a:pt x="10777" y="7409"/>
                  </a:lnTo>
                  <a:lnTo>
                    <a:pt x="7567" y="6157"/>
                  </a:lnTo>
                  <a:lnTo>
                    <a:pt x="5411" y="10487"/>
                  </a:lnTo>
                  <a:lnTo>
                    <a:pt x="2155" y="9235"/>
                  </a:lnTo>
                  <a:lnTo>
                    <a:pt x="550" y="14817"/>
                  </a:lnTo>
                  <a:lnTo>
                    <a:pt x="0" y="16017"/>
                  </a:lnTo>
                  <a:lnTo>
                    <a:pt x="1055" y="16643"/>
                  </a:lnTo>
                  <a:lnTo>
                    <a:pt x="2706" y="11113"/>
                  </a:lnTo>
                  <a:lnTo>
                    <a:pt x="5916" y="12313"/>
                  </a:lnTo>
                  <a:lnTo>
                    <a:pt x="8071" y="8035"/>
                  </a:lnTo>
                  <a:lnTo>
                    <a:pt x="8071" y="8035"/>
                  </a:lnTo>
                  <a:close/>
                  <a:moveTo>
                    <a:pt x="6466" y="21600"/>
                  </a:moveTo>
                  <a:lnTo>
                    <a:pt x="6466" y="16643"/>
                  </a:lnTo>
                  <a:lnTo>
                    <a:pt x="3761" y="16643"/>
                  </a:lnTo>
                  <a:lnTo>
                    <a:pt x="3761" y="21600"/>
                  </a:lnTo>
                  <a:lnTo>
                    <a:pt x="6466" y="21600"/>
                  </a:lnTo>
                  <a:lnTo>
                    <a:pt x="6466" y="21600"/>
                  </a:lnTo>
                  <a:close/>
                  <a:moveTo>
                    <a:pt x="10227" y="21600"/>
                  </a:moveTo>
                  <a:lnTo>
                    <a:pt x="7567" y="21600"/>
                  </a:lnTo>
                  <a:lnTo>
                    <a:pt x="7567" y="14817"/>
                  </a:lnTo>
                  <a:lnTo>
                    <a:pt x="10227" y="14817"/>
                  </a:lnTo>
                  <a:lnTo>
                    <a:pt x="10227" y="21600"/>
                  </a:lnTo>
                  <a:lnTo>
                    <a:pt x="10227" y="21600"/>
                  </a:lnTo>
                  <a:close/>
                  <a:moveTo>
                    <a:pt x="14033" y="21600"/>
                  </a:moveTo>
                  <a:lnTo>
                    <a:pt x="11327" y="21600"/>
                  </a:lnTo>
                  <a:lnTo>
                    <a:pt x="11327" y="12313"/>
                  </a:lnTo>
                  <a:lnTo>
                    <a:pt x="14033" y="12313"/>
                  </a:lnTo>
                  <a:lnTo>
                    <a:pt x="14033" y="21600"/>
                  </a:lnTo>
                  <a:lnTo>
                    <a:pt x="14033" y="21600"/>
                  </a:lnTo>
                  <a:close/>
                  <a:moveTo>
                    <a:pt x="17794" y="21600"/>
                  </a:moveTo>
                  <a:lnTo>
                    <a:pt x="15088" y="21600"/>
                  </a:lnTo>
                  <a:lnTo>
                    <a:pt x="15088" y="9861"/>
                  </a:lnTo>
                  <a:lnTo>
                    <a:pt x="17794" y="9861"/>
                  </a:lnTo>
                  <a:lnTo>
                    <a:pt x="17794" y="21600"/>
                  </a:lnTo>
                  <a:lnTo>
                    <a:pt x="17794" y="21600"/>
                  </a:lnTo>
                  <a:close/>
                  <a:moveTo>
                    <a:pt x="18894" y="6783"/>
                  </a:moveTo>
                  <a:lnTo>
                    <a:pt x="18894" y="21600"/>
                  </a:lnTo>
                  <a:lnTo>
                    <a:pt x="21600" y="21600"/>
                  </a:lnTo>
                  <a:lnTo>
                    <a:pt x="21600" y="6783"/>
                  </a:lnTo>
                  <a:lnTo>
                    <a:pt x="18894" y="6783"/>
                  </a:lnTo>
                  <a:close/>
                </a:path>
              </a:pathLst>
            </a:custGeom>
            <a:solidFill>
              <a:srgbClr val="FFFFFF"/>
            </a:solidFill>
            <a:ln w="12700" cap="flat">
              <a:noFill/>
              <a:miter lim="400000"/>
            </a:ln>
            <a:effectLst/>
          </p:spPr>
          <p:txBody>
            <a:bodyPr wrap="square" lIns="0" tIns="0" rIns="0" bIns="0" numCol="1" anchor="t">
              <a:noAutofit/>
            </a:bodyPr>
            <a:lstStyle/>
            <a:p>
              <a:pPr lvl="0"/>
              <a:endParaRPr sz="1700">
                <a:cs typeface="+mn-ea"/>
                <a:sym typeface="+mn-lt"/>
              </a:endParaRPr>
            </a:p>
          </p:txBody>
        </p:sp>
      </p:grpSp>
      <p:grpSp>
        <p:nvGrpSpPr>
          <p:cNvPr id="22" name="Group 2040"/>
          <p:cNvGrpSpPr/>
          <p:nvPr/>
        </p:nvGrpSpPr>
        <p:grpSpPr>
          <a:xfrm>
            <a:off x="10410965" y="5035516"/>
            <a:ext cx="955485" cy="955485"/>
            <a:chOff x="0" y="0"/>
            <a:chExt cx="1910968" cy="1910968"/>
          </a:xfrm>
        </p:grpSpPr>
        <p:sp>
          <p:nvSpPr>
            <p:cNvPr id="23" name="Shape 2038"/>
            <p:cNvSpPr/>
            <p:nvPr/>
          </p:nvSpPr>
          <p:spPr>
            <a:xfrm>
              <a:off x="0" y="0"/>
              <a:ext cx="1910969" cy="1910969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19679" h="19679" extrusionOk="0">
                  <a:moveTo>
                    <a:pt x="16796" y="2882"/>
                  </a:moveTo>
                  <a:cubicBezTo>
                    <a:pt x="20639" y="6724"/>
                    <a:pt x="20639" y="12954"/>
                    <a:pt x="16796" y="16796"/>
                  </a:cubicBezTo>
                  <a:cubicBezTo>
                    <a:pt x="12954" y="20639"/>
                    <a:pt x="6724" y="20639"/>
                    <a:pt x="2882" y="16796"/>
                  </a:cubicBezTo>
                  <a:cubicBezTo>
                    <a:pt x="-961" y="12954"/>
                    <a:pt x="-961" y="6724"/>
                    <a:pt x="2882" y="2882"/>
                  </a:cubicBezTo>
                  <a:cubicBezTo>
                    <a:pt x="6724" y="-961"/>
                    <a:pt x="12954" y="-961"/>
                    <a:pt x="16796" y="2882"/>
                  </a:cubicBezTo>
                  <a:close/>
                </a:path>
              </a:pathLst>
            </a:custGeom>
            <a:solidFill>
              <a:srgbClr val="1D4251"/>
            </a:solidFill>
            <a:ln w="12700" cap="flat">
              <a:noFill/>
              <a:miter lim="400000"/>
            </a:ln>
            <a:effectLst/>
          </p:spPr>
          <p:txBody>
            <a:bodyPr wrap="square" lIns="33867" tIns="33867" rIns="33867" bIns="33867" numCol="1" anchor="ctr">
              <a:noAutofit/>
            </a:bodyPr>
            <a:lstStyle/>
            <a:p>
              <a:pPr lvl="0"/>
              <a:endParaRPr sz="1700">
                <a:cs typeface="+mn-ea"/>
                <a:sym typeface="+mn-lt"/>
              </a:endParaRPr>
            </a:p>
          </p:txBody>
        </p:sp>
        <p:sp>
          <p:nvSpPr>
            <p:cNvPr id="24" name="Shape 2039"/>
            <p:cNvSpPr/>
            <p:nvPr/>
          </p:nvSpPr>
          <p:spPr>
            <a:xfrm>
              <a:off x="657404" y="557107"/>
              <a:ext cx="596161" cy="749014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21015" h="21072" extrusionOk="0">
                  <a:moveTo>
                    <a:pt x="17468" y="6506"/>
                  </a:moveTo>
                  <a:cubicBezTo>
                    <a:pt x="16410" y="7763"/>
                    <a:pt x="15333" y="6878"/>
                    <a:pt x="13824" y="5996"/>
                  </a:cubicBezTo>
                  <a:cubicBezTo>
                    <a:pt x="12317" y="5116"/>
                    <a:pt x="10950" y="4575"/>
                    <a:pt x="12006" y="3318"/>
                  </a:cubicBezTo>
                  <a:cubicBezTo>
                    <a:pt x="13062" y="2059"/>
                    <a:pt x="15140" y="1754"/>
                    <a:pt x="16648" y="2634"/>
                  </a:cubicBezTo>
                  <a:cubicBezTo>
                    <a:pt x="18155" y="3515"/>
                    <a:pt x="18522" y="5248"/>
                    <a:pt x="17468" y="6506"/>
                  </a:cubicBezTo>
                  <a:close/>
                  <a:moveTo>
                    <a:pt x="20868" y="4865"/>
                  </a:moveTo>
                  <a:cubicBezTo>
                    <a:pt x="20191" y="1663"/>
                    <a:pt x="16530" y="-474"/>
                    <a:pt x="12691" y="90"/>
                  </a:cubicBezTo>
                  <a:cubicBezTo>
                    <a:pt x="8853" y="655"/>
                    <a:pt x="5613" y="3118"/>
                    <a:pt x="6290" y="6320"/>
                  </a:cubicBezTo>
                  <a:cubicBezTo>
                    <a:pt x="6436" y="7009"/>
                    <a:pt x="6840" y="8088"/>
                    <a:pt x="7318" y="8862"/>
                  </a:cubicBezTo>
                  <a:lnTo>
                    <a:pt x="346" y="17166"/>
                  </a:lnTo>
                  <a:cubicBezTo>
                    <a:pt x="90" y="17473"/>
                    <a:pt x="-56" y="18024"/>
                    <a:pt x="20" y="18392"/>
                  </a:cubicBezTo>
                  <a:lnTo>
                    <a:pt x="470" y="20511"/>
                  </a:lnTo>
                  <a:cubicBezTo>
                    <a:pt x="547" y="20879"/>
                    <a:pt x="971" y="21126"/>
                    <a:pt x="1412" y="21061"/>
                  </a:cubicBezTo>
                  <a:lnTo>
                    <a:pt x="3454" y="20761"/>
                  </a:lnTo>
                  <a:cubicBezTo>
                    <a:pt x="3895" y="20696"/>
                    <a:pt x="4457" y="20387"/>
                    <a:pt x="4700" y="20072"/>
                  </a:cubicBezTo>
                  <a:lnTo>
                    <a:pt x="7456" y="16513"/>
                  </a:lnTo>
                  <a:lnTo>
                    <a:pt x="7480" y="16490"/>
                  </a:lnTo>
                  <a:lnTo>
                    <a:pt x="9346" y="16216"/>
                  </a:lnTo>
                  <a:lnTo>
                    <a:pt x="12566" y="12046"/>
                  </a:lnTo>
                  <a:cubicBezTo>
                    <a:pt x="13623" y="12195"/>
                    <a:pt x="15142" y="12146"/>
                    <a:pt x="16039" y="12013"/>
                  </a:cubicBezTo>
                  <a:cubicBezTo>
                    <a:pt x="19878" y="11449"/>
                    <a:pt x="21544" y="8068"/>
                    <a:pt x="20868" y="4865"/>
                  </a:cubicBezTo>
                  <a:close/>
                </a:path>
              </a:pathLst>
            </a:custGeom>
            <a:solidFill>
              <a:srgbClr val="FFFFFF"/>
            </a:solidFill>
            <a:ln w="12700" cap="flat">
              <a:noFill/>
              <a:miter lim="400000"/>
            </a:ln>
            <a:effectLst/>
          </p:spPr>
          <p:txBody>
            <a:bodyPr wrap="square" lIns="0" tIns="0" rIns="0" bIns="0" numCol="1" anchor="ctr">
              <a:noAutofit/>
            </a:bodyPr>
            <a:lstStyle/>
            <a:p>
              <a:pPr lvl="0"/>
              <a:endParaRPr sz="1700">
                <a:cs typeface="+mn-ea"/>
                <a:sym typeface="+mn-lt"/>
              </a:endParaRPr>
            </a:p>
          </p:txBody>
        </p:sp>
      </p:grpSp>
      <p:sp>
        <p:nvSpPr>
          <p:cNvPr id="25" name="Text Placeholder 5"/>
          <p:cNvSpPr txBox="1"/>
          <p:nvPr/>
        </p:nvSpPr>
        <p:spPr>
          <a:xfrm>
            <a:off x="5887415" y="3528715"/>
            <a:ext cx="1535488" cy="633719"/>
          </a:xfrm>
          <a:prstGeom prst="rect">
            <a:avLst/>
          </a:prstGeom>
        </p:spPr>
        <p:txBody>
          <a:bodyPr vert="horz" lIns="0" tIns="0" rIns="0" bIns="0" rtlCol="0" anchor="ctr">
            <a:noAutofit/>
          </a:bodyPr>
          <a:lstStyle>
            <a:lvl1pPr marL="0" indent="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750" kern="12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Open Sans 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Open Sans 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Open Sans 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Open Sans 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ct val="100000"/>
              </a:lnSpc>
            </a:pPr>
            <a:r>
              <a:rPr lang="en-US" altLang="zh-CN" sz="2800" b="1" dirty="0" err="1">
                <a:solidFill>
                  <a:srgbClr val="162F81"/>
                </a:solidFill>
                <a:latin typeface="+mn-lt"/>
                <a:ea typeface="+mn-ea"/>
                <a:cs typeface="+mn-ea"/>
                <a:sym typeface="+mn-lt"/>
              </a:rPr>
              <a:t>PHẦN</a:t>
            </a:r>
            <a:r>
              <a:rPr lang="en-US" altLang="zh-CN" sz="2800" b="1" dirty="0">
                <a:solidFill>
                  <a:srgbClr val="162F81"/>
                </a:solidFill>
                <a:latin typeface="+mn-lt"/>
                <a:ea typeface="+mn-ea"/>
                <a:cs typeface="+mn-ea"/>
                <a:sym typeface="+mn-lt"/>
              </a:rPr>
              <a:t> </a:t>
            </a:r>
            <a:r>
              <a:rPr lang="en-US" altLang="zh-CN" sz="2800" b="1" dirty="0" err="1">
                <a:solidFill>
                  <a:srgbClr val="162F81"/>
                </a:solidFill>
                <a:latin typeface="+mn-lt"/>
                <a:ea typeface="+mn-ea"/>
                <a:cs typeface="+mn-ea"/>
                <a:sym typeface="+mn-lt"/>
              </a:rPr>
              <a:t>NỘI</a:t>
            </a:r>
            <a:r>
              <a:rPr lang="en-US" altLang="zh-CN" sz="2800" b="1" dirty="0">
                <a:solidFill>
                  <a:srgbClr val="162F81"/>
                </a:solidFill>
                <a:latin typeface="+mn-lt"/>
                <a:ea typeface="+mn-ea"/>
                <a:cs typeface="+mn-ea"/>
                <a:sym typeface="+mn-lt"/>
              </a:rPr>
              <a:t> DUNG</a:t>
            </a:r>
            <a:endParaRPr lang="en-GB" altLang="zh-CN" sz="2800" b="1" dirty="0">
              <a:solidFill>
                <a:srgbClr val="162F81"/>
              </a:solidFill>
              <a:latin typeface="+mn-lt"/>
              <a:ea typeface="+mn-ea"/>
              <a:cs typeface="+mn-ea"/>
              <a:sym typeface="+mn-lt"/>
            </a:endParaRPr>
          </a:p>
        </p:txBody>
      </p:sp>
      <p:grpSp>
        <p:nvGrpSpPr>
          <p:cNvPr id="27" name="Group 26"/>
          <p:cNvGrpSpPr/>
          <p:nvPr/>
        </p:nvGrpSpPr>
        <p:grpSpPr>
          <a:xfrm>
            <a:off x="1460788" y="4620851"/>
            <a:ext cx="950152" cy="950152"/>
            <a:chOff x="1109974" y="4345962"/>
            <a:chExt cx="950152" cy="950152"/>
          </a:xfrm>
        </p:grpSpPr>
        <p:sp>
          <p:nvSpPr>
            <p:cNvPr id="19" name="Shape 2032"/>
            <p:cNvSpPr/>
            <p:nvPr/>
          </p:nvSpPr>
          <p:spPr>
            <a:xfrm>
              <a:off x="1109974" y="4345962"/>
              <a:ext cx="950152" cy="950152"/>
            </a:xfrm>
            <a:custGeom>
              <a:avLst/>
              <a:gdLst/>
              <a:ahLst/>
              <a:cxnLst>
                <a:cxn ang="0">
                  <a:pos x="wd2" y="hd2"/>
                </a:cxn>
                <a:cxn ang="5400000">
                  <a:pos x="wd2" y="hd2"/>
                </a:cxn>
                <a:cxn ang="10800000">
                  <a:pos x="wd2" y="hd2"/>
                </a:cxn>
                <a:cxn ang="16200000">
                  <a:pos x="wd2" y="hd2"/>
                </a:cxn>
              </a:cxnLst>
              <a:rect l="0" t="0" r="r" b="b"/>
              <a:pathLst>
                <a:path w="19679" h="19679" extrusionOk="0">
                  <a:moveTo>
                    <a:pt x="16796" y="2882"/>
                  </a:moveTo>
                  <a:cubicBezTo>
                    <a:pt x="20639" y="6724"/>
                    <a:pt x="20639" y="12954"/>
                    <a:pt x="16796" y="16796"/>
                  </a:cubicBezTo>
                  <a:cubicBezTo>
                    <a:pt x="12954" y="20639"/>
                    <a:pt x="6724" y="20639"/>
                    <a:pt x="2882" y="16796"/>
                  </a:cubicBezTo>
                  <a:cubicBezTo>
                    <a:pt x="-961" y="12954"/>
                    <a:pt x="-961" y="6724"/>
                    <a:pt x="2882" y="2882"/>
                  </a:cubicBezTo>
                  <a:cubicBezTo>
                    <a:pt x="6724" y="-961"/>
                    <a:pt x="12954" y="-961"/>
                    <a:pt x="16796" y="2882"/>
                  </a:cubicBezTo>
                  <a:close/>
                </a:path>
              </a:pathLst>
            </a:custGeom>
            <a:solidFill>
              <a:srgbClr val="1D4251"/>
            </a:solidFill>
            <a:ln w="12700" cap="flat">
              <a:noFill/>
              <a:miter lim="400000"/>
            </a:ln>
            <a:effectLst/>
          </p:spPr>
          <p:txBody>
            <a:bodyPr wrap="square" lIns="33867" tIns="33867" rIns="33867" bIns="33867" numCol="1" anchor="ctr">
              <a:noAutofit/>
            </a:bodyPr>
            <a:lstStyle/>
            <a:p>
              <a:endParaRPr sz="1700">
                <a:cs typeface="+mn-ea"/>
                <a:sym typeface="+mn-lt"/>
              </a:endParaRPr>
            </a:p>
          </p:txBody>
        </p:sp>
        <p:pic>
          <p:nvPicPr>
            <p:cNvPr id="31" name="Picture 30"/>
            <p:cNvPicPr>
              <a:picLocks noChangeAspect="1"/>
            </p:cNvPicPr>
            <p:nvPr/>
          </p:nvPicPr>
          <p:blipFill>
            <a:blip r:embed="rId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293231" y="4541739"/>
              <a:ext cx="564082" cy="564082"/>
            </a:xfrm>
            <a:prstGeom prst="rect">
              <a:avLst/>
            </a:prstGeom>
          </p:spPr>
        </p:pic>
      </p:grpSp>
      <p:pic>
        <p:nvPicPr>
          <p:cNvPr id="1027" name="Picture 1" descr="A screenshot of a computer&#10;&#10;Description automatically generated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54347" y="2104779"/>
            <a:ext cx="1577181" cy="86937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430144" y="5155553"/>
            <a:ext cx="3040039" cy="893881"/>
          </a:xfrm>
          <a:prstGeom prst="rect">
            <a:avLst/>
          </a:prstGeom>
        </p:spPr>
      </p:pic>
      <p:pic>
        <p:nvPicPr>
          <p:cNvPr id="20" name="Picture 19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755324" y="4723886"/>
            <a:ext cx="2606266" cy="579170"/>
          </a:xfrm>
          <a:prstGeom prst="rect">
            <a:avLst/>
          </a:prstGeom>
        </p:spPr>
      </p:pic>
      <p:sp>
        <p:nvSpPr>
          <p:cNvPr id="3" name="Text Box 2"/>
          <p:cNvSpPr txBox="1"/>
          <p:nvPr/>
        </p:nvSpPr>
        <p:spPr>
          <a:xfrm>
            <a:off x="-4620895" y="324485"/>
            <a:ext cx="4064000" cy="383540"/>
          </a:xfrm>
          <a:prstGeom prst="rect">
            <a:avLst/>
          </a:prstGeom>
          <a:noFill/>
        </p:spPr>
        <p:txBody>
          <a:bodyPr wrap="square" rtlCol="0">
            <a:spAutoFit/>
          </a:bodyPr>
          <a:p>
            <a:endParaRPr lang="en-US"/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0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6" dur="500"/>
                                        <p:tgtEl>
                                          <p:spTgt spid="10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6" presetClass="entr" presetSubtype="2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4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4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5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53" dur="2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9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500"/>
                            </p:stCondLst>
                            <p:childTnLst>
                              <p:par>
                                <p:cTn id="62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4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5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1000"/>
                            </p:stCondLst>
                            <p:childTnLst>
                              <p:par>
                                <p:cTn id="6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3" dur="2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4" grpId="0" animBg="1"/>
      <p:bldP spid="5" grpId="0" animBg="1"/>
      <p:bldP spid="6" grpId="0" animBg="1"/>
      <p:bldP spid="7" grpId="0" animBg="1"/>
      <p:bldP spid="8" grpId="0" animBg="1"/>
      <p:bldP spid="10" grpId="0" animBg="1"/>
      <p:bldP spid="12" grpId="0" animBg="1"/>
      <p:bldP spid="25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3876105" y="1991975"/>
            <a:ext cx="3193988" cy="3909060"/>
          </a:xfrm>
          <a:prstGeom prst="rect">
            <a:avLst/>
          </a:prstGeom>
          <a:blipFill>
            <a:blip r:embed="rId1" cstate="email"/>
            <a:stretch>
              <a:fillRect/>
            </a:stretch>
          </a:blipFill>
          <a:ln w="12700" cap="flat" cmpd="sng" algn="ctr">
            <a:noFill/>
            <a:prstDash val="solid"/>
            <a:miter lim="800000"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375" tIns="45690" rIns="91375" bIns="45690" anchor="ctr"/>
          <a:lstStyle/>
          <a:p>
            <a:pPr algn="ctr"/>
            <a:endParaRPr>
              <a:solidFill>
                <a:prstClr val="white"/>
              </a:solidFill>
              <a:cs typeface="Helvetica" panose="020B0604020202020204"/>
              <a:sym typeface="+mn-lt"/>
            </a:endParaRPr>
          </a:p>
        </p:txBody>
      </p:sp>
      <p:sp>
        <p:nvSpPr>
          <p:cNvPr id="3" name="矩形 2"/>
          <p:cNvSpPr/>
          <p:nvPr/>
        </p:nvSpPr>
        <p:spPr>
          <a:xfrm>
            <a:off x="7271261" y="1991975"/>
            <a:ext cx="4625269" cy="3555999"/>
          </a:xfrm>
          <a:prstGeom prst="rect">
            <a:avLst/>
          </a:prstGeom>
          <a:solidFill>
            <a:srgbClr val="92D050"/>
          </a:solidFill>
          <a:ln>
            <a:noFill/>
          </a:ln>
          <a:effectLst>
            <a:outerShdw blurRad="152400" dist="317500" dir="5400000" sx="90000" sy="-19000" rotWithShape="0">
              <a:prstClr val="black">
                <a:alpha val="15000"/>
              </a:prstClr>
            </a:outerShdw>
          </a:effectLst>
        </p:spPr>
        <p:txBody>
          <a:bodyPr vert="horz" wrap="square" lIns="91375" tIns="45690" rIns="91375" bIns="45690" numCol="1" anchor="t" anchorCtr="0" compatLnSpc="1"/>
          <a:lstStyle/>
          <a:p>
            <a:endParaRPr dirty="0">
              <a:solidFill>
                <a:schemeClr val="accent3">
                  <a:lumMod val="75000"/>
                </a:schemeClr>
              </a:solidFill>
              <a:cs typeface="Helvetica" panose="020B0604020202020204"/>
              <a:sym typeface="+mn-lt"/>
            </a:endParaRPr>
          </a:p>
        </p:txBody>
      </p:sp>
      <p:sp>
        <p:nvSpPr>
          <p:cNvPr id="4" name="矩形 3"/>
          <p:cNvSpPr/>
          <p:nvPr/>
        </p:nvSpPr>
        <p:spPr>
          <a:xfrm>
            <a:off x="432934" y="2108201"/>
            <a:ext cx="3133725" cy="3555999"/>
          </a:xfrm>
          <a:prstGeom prst="rect">
            <a:avLst/>
          </a:prstGeom>
          <a:solidFill>
            <a:srgbClr val="F5C700"/>
          </a:solidFill>
          <a:ln>
            <a:noFill/>
          </a:ln>
          <a:effectLst>
            <a:innerShdw blurRad="63500" dist="50800" dir="2700000">
              <a:prstClr val="black">
                <a:alpha val="50000"/>
              </a:prstClr>
            </a:innerShdw>
            <a:reflection blurRad="6350" stA="52000" endA="300" endPos="35000" dir="5400000" sy="-100000" algn="bl" rotWithShape="0"/>
          </a:effectLst>
        </p:spPr>
        <p:txBody>
          <a:bodyPr vert="horz" wrap="square" lIns="91375" tIns="45690" rIns="91375" bIns="45690" numCol="1" anchor="t" anchorCtr="0" compatLnSpc="1"/>
          <a:lstStyle/>
          <a:p>
            <a:endParaRPr>
              <a:solidFill>
                <a:prstClr val="black"/>
              </a:solidFill>
              <a:cs typeface="Helvetica" panose="020B0604020202020204"/>
              <a:sym typeface="+mn-lt"/>
            </a:endParaRPr>
          </a:p>
        </p:txBody>
      </p:sp>
      <p:sp>
        <p:nvSpPr>
          <p:cNvPr id="5" name="文本框 10"/>
          <p:cNvSpPr txBox="1"/>
          <p:nvPr/>
        </p:nvSpPr>
        <p:spPr>
          <a:xfrm>
            <a:off x="742380" y="2298906"/>
            <a:ext cx="2514832" cy="1107996"/>
          </a:xfrm>
          <a:prstGeom prst="rect">
            <a:avLst/>
          </a:prstGeom>
          <a:noFill/>
        </p:spPr>
        <p:txBody>
          <a:bodyPr wrap="square" lIns="0" tIns="0" rIns="0" bIns="0" anchor="b" anchorCtr="0">
            <a:spAutoFit/>
          </a:bodyPr>
          <a:lstStyle/>
          <a:p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CÁC</a:t>
            </a:r>
            <a:r>
              <a:rPr lang="en-US" altLang="zh-CN" sz="24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NGUYÊN</a:t>
            </a:r>
            <a:r>
              <a:rPr lang="en-US" altLang="zh-CN" sz="24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VẬT</a:t>
            </a:r>
            <a:r>
              <a:rPr lang="en-US" altLang="zh-CN" sz="24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LIỆU</a:t>
            </a:r>
            <a:r>
              <a:rPr lang="en-US" altLang="zh-CN" sz="24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LÀM</a:t>
            </a:r>
            <a:r>
              <a:rPr lang="en-US" altLang="zh-CN" sz="24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NÊN</a:t>
            </a:r>
            <a:r>
              <a:rPr lang="en-US" altLang="zh-CN" sz="24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SẢN</a:t>
            </a:r>
            <a:r>
              <a:rPr lang="en-US" altLang="zh-CN" sz="2400" b="1" dirty="0">
                <a:solidFill>
                  <a:srgbClr val="1D4251"/>
                </a:solidFill>
                <a:cs typeface="+mn-ea"/>
                <a:sym typeface="+mn-lt"/>
              </a:rPr>
              <a:t> </a:t>
            </a:r>
            <a:r>
              <a:rPr lang="en-US" altLang="zh-CN" sz="2400" b="1" dirty="0" err="1">
                <a:solidFill>
                  <a:srgbClr val="1D4251"/>
                </a:solidFill>
                <a:cs typeface="+mn-ea"/>
                <a:sym typeface="+mn-lt"/>
              </a:rPr>
              <a:t>PHẨM</a:t>
            </a:r>
            <a:endParaRPr lang="zh-CN" altLang="en-US" sz="2400" b="1" dirty="0">
              <a:solidFill>
                <a:srgbClr val="1D4251"/>
              </a:solidFill>
              <a:cs typeface="+mn-ea"/>
              <a:sym typeface="+mn-lt"/>
            </a:endParaRPr>
          </a:p>
        </p:txBody>
      </p:sp>
      <p:sp>
        <p:nvSpPr>
          <p:cNvPr id="10" name="矩形 9"/>
          <p:cNvSpPr/>
          <p:nvPr/>
        </p:nvSpPr>
        <p:spPr>
          <a:xfrm>
            <a:off x="7271261" y="2389006"/>
            <a:ext cx="4625270" cy="1048404"/>
          </a:xfrm>
          <a:prstGeom prst="rect">
            <a:avLst/>
          </a:prstGeom>
        </p:spPr>
        <p:txBody>
          <a:bodyPr wrap="square" lIns="91375" tIns="45690" rIns="91375" bIns="45690">
            <a:noAutofit/>
          </a:bodyPr>
          <a:lstStyle/>
          <a:p>
            <a:pPr marL="342900" indent="-342900">
              <a:lnSpc>
                <a:spcPct val="200000"/>
              </a:lnSpc>
              <a:buClr>
                <a:srgbClr val="2106C2"/>
              </a:buClr>
              <a:buFont typeface="Wingdings" panose="05000000000000000000" pitchFamily="2" charset="2"/>
              <a:buChar char="Ø"/>
            </a:pPr>
            <a:r>
              <a:rPr lang="en-US" dirty="0" err="1"/>
              <a:t>Phần</a:t>
            </a:r>
            <a:r>
              <a:rPr lang="en-US" dirty="0"/>
              <a:t> </a:t>
            </a:r>
            <a:r>
              <a:rPr lang="en-US" dirty="0" err="1"/>
              <a:t>mềm</a:t>
            </a:r>
            <a:r>
              <a:rPr lang="en-US" dirty="0"/>
              <a:t> MS </a:t>
            </a:r>
            <a:r>
              <a:rPr lang="en-US" dirty="0" err="1"/>
              <a:t>Powerpoint</a:t>
            </a:r>
            <a:r>
              <a:rPr lang="en-US" dirty="0"/>
              <a:t>: </a:t>
            </a:r>
            <a:r>
              <a:rPr lang="en-US" dirty="0" err="1"/>
              <a:t>Miễn</a:t>
            </a:r>
            <a:r>
              <a:rPr lang="en-US" dirty="0"/>
              <a:t> </a:t>
            </a:r>
            <a:r>
              <a:rPr lang="en-US" dirty="0" err="1"/>
              <a:t>phí</a:t>
            </a:r>
            <a:endParaRPr lang="en-US" dirty="0"/>
          </a:p>
          <a:p>
            <a:pPr marL="342900" indent="-342900">
              <a:lnSpc>
                <a:spcPct val="200000"/>
              </a:lnSpc>
              <a:buClr>
                <a:srgbClr val="2106C2"/>
              </a:buClr>
              <a:buFont typeface="Wingdings" panose="05000000000000000000" pitchFamily="2" charset="2"/>
              <a:buChar char="Ø"/>
            </a:pPr>
            <a:r>
              <a:rPr lang="en-US" dirty="0" err="1"/>
              <a:t>Phần</a:t>
            </a:r>
            <a:r>
              <a:rPr lang="en-US" dirty="0"/>
              <a:t> </a:t>
            </a:r>
            <a:r>
              <a:rPr lang="en-US" dirty="0" err="1"/>
              <a:t>mềm</a:t>
            </a:r>
            <a:r>
              <a:rPr lang="en-US" dirty="0"/>
              <a:t> Android Studio: </a:t>
            </a:r>
            <a:r>
              <a:rPr lang="en-US" dirty="0" err="1"/>
              <a:t>Miễn</a:t>
            </a:r>
            <a:r>
              <a:rPr lang="en-US" dirty="0"/>
              <a:t> </a:t>
            </a:r>
            <a:r>
              <a:rPr lang="en-US" dirty="0" err="1"/>
              <a:t>phí</a:t>
            </a:r>
            <a:endParaRPr lang="en-US" dirty="0"/>
          </a:p>
          <a:p>
            <a:pPr marL="342900" indent="-342900">
              <a:lnSpc>
                <a:spcPct val="200000"/>
              </a:lnSpc>
              <a:buClr>
                <a:srgbClr val="2106C2"/>
              </a:buClr>
              <a:buFont typeface="Wingdings" panose="05000000000000000000" pitchFamily="2" charset="2"/>
              <a:buChar char="Ø"/>
            </a:pPr>
            <a:r>
              <a:rPr lang="en-US" dirty="0" err="1"/>
              <a:t>Phần</a:t>
            </a:r>
            <a:r>
              <a:rPr lang="en-US" dirty="0"/>
              <a:t> </a:t>
            </a:r>
            <a:r>
              <a:rPr lang="en-US" dirty="0" err="1"/>
              <a:t>mềm</a:t>
            </a:r>
            <a:r>
              <a:rPr lang="en-US" dirty="0"/>
              <a:t> </a:t>
            </a:r>
            <a:r>
              <a:rPr lang="en-US" dirty="0" err="1"/>
              <a:t>iSpring</a:t>
            </a:r>
            <a:r>
              <a:rPr lang="en-US" dirty="0"/>
              <a:t> Suite</a:t>
            </a:r>
            <a:endParaRPr lang="en-US" dirty="0"/>
          </a:p>
          <a:p>
            <a:pPr marL="342900" indent="-342900">
              <a:lnSpc>
                <a:spcPct val="200000"/>
              </a:lnSpc>
              <a:buClr>
                <a:srgbClr val="2106C2"/>
              </a:buClr>
              <a:buFont typeface="Wingdings" panose="05000000000000000000" pitchFamily="2" charset="2"/>
              <a:buChar char="Ø"/>
            </a:pPr>
            <a:r>
              <a:rPr lang="en-US" dirty="0" err="1"/>
              <a:t>Phần</a:t>
            </a:r>
            <a:r>
              <a:rPr lang="en-US" dirty="0"/>
              <a:t> </a:t>
            </a:r>
            <a:r>
              <a:rPr lang="en-US" dirty="0" err="1"/>
              <a:t>mềm</a:t>
            </a:r>
            <a:r>
              <a:rPr lang="en-US" dirty="0"/>
              <a:t> Notepad++: </a:t>
            </a:r>
            <a:r>
              <a:rPr lang="en-US" dirty="0" err="1"/>
              <a:t>Miễn</a:t>
            </a:r>
            <a:r>
              <a:rPr lang="en-US" dirty="0"/>
              <a:t> </a:t>
            </a:r>
            <a:r>
              <a:rPr lang="en-US" dirty="0" err="1"/>
              <a:t>phí</a:t>
            </a:r>
            <a:endParaRPr lang="en-US" dirty="0"/>
          </a:p>
          <a:p>
            <a:pPr fontAlgn="ctr">
              <a:lnSpc>
                <a:spcPct val="200000"/>
              </a:lnSpc>
            </a:pPr>
            <a:endParaRPr lang="en-US" altLang="zh-CN" sz="1600" b="1" dirty="0">
              <a:solidFill>
                <a:srgbClr val="162F81"/>
              </a:solidFill>
              <a:latin typeface="Times New Roman" panose="02020603050405020304" pitchFamily="18" charset="0"/>
              <a:cs typeface="Times New Roman" panose="02020603050405020304" pitchFamily="18" charset="0"/>
              <a:sym typeface="+mn-lt"/>
            </a:endParaRPr>
          </a:p>
        </p:txBody>
      </p:sp>
      <p:pic>
        <p:nvPicPr>
          <p:cNvPr id="8" name="Picture 1" descr="A screenshot of a computer&#10;&#10;Description automatically generated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76106" y="1991975"/>
            <a:ext cx="3193987" cy="184246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random/>
      </p:transition>
    </mc:Choice>
    <mc:Fallback>
      <p:transition spd="slow">
        <p:random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0" presetID="1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#ppt_w*1.125000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6" dur="500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#ppt_w*1.125000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Effect transition="in" filter="wipe(right)">
                                      <p:cBhvr>
                                        <p:cTn id="1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7" presetClass="entr" presetSubtype="10" fill="hold" grpId="0" nodeType="with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2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3" grpId="0" animBg="1"/>
      <p:bldP spid="4" grpId="0" animBg="1"/>
      <p:bldP spid="5" grpId="0"/>
      <p:bldP spid="10" grpId="0"/>
    </p:bldLst>
  </p:timing>
</p:sld>
</file>

<file path=ppt/tags/tag1.xml><?xml version="1.0" encoding="utf-8"?>
<p:tagLst xmlns:p="http://schemas.openxmlformats.org/presentationml/2006/main">
  <p:tag name="ISPRING_PRESENTATION_TITLE" val="PowerPoint 演示文稿"/>
  <p:tag name="ISPRING_FIRST_PUBLISH" val="1"/>
</p:tagLst>
</file>

<file path=ppt/theme/theme1.xml><?xml version="1.0" encoding="utf-8"?>
<a:theme xmlns:a="http://schemas.openxmlformats.org/drawingml/2006/main" name="Office Theme">
  <a:themeElements>
    <a:clrScheme name="自定义 2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F79646"/>
      </a:hlink>
      <a:folHlink>
        <a:srgbClr val="F79646"/>
      </a:folHlink>
    </a:clrScheme>
    <a:fontScheme name="1qdbl4ma">
      <a:majorFont>
        <a:latin typeface="Helvetica"/>
        <a:ea typeface="Helvetica"/>
        <a:cs typeface=""/>
      </a:majorFont>
      <a:minorFont>
        <a:latin typeface="Helvetica"/>
        <a:ea typeface="Helvetica"/>
        <a:cs typeface=""/>
      </a:minorFont>
    </a:fontScheme>
    <a:fmtScheme name="Office 主题​​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Slipstream">
  <a:themeElements>
    <a:clrScheme name="Slipstream">
      <a:dk1>
        <a:sysClr val="windowText" lastClr="000000"/>
      </a:dk1>
      <a:lt1>
        <a:sysClr val="window" lastClr="FFFFFF"/>
      </a:lt1>
      <a:dk2>
        <a:srgbClr val="212745"/>
      </a:dk2>
      <a:lt2>
        <a:srgbClr val="B4DCFA"/>
      </a:lt2>
      <a:accent1>
        <a:srgbClr val="4E67C8"/>
      </a:accent1>
      <a:accent2>
        <a:srgbClr val="5ECCF3"/>
      </a:accent2>
      <a:accent3>
        <a:srgbClr val="A7EA52"/>
      </a:accent3>
      <a:accent4>
        <a:srgbClr val="5DCEAF"/>
      </a:accent4>
      <a:accent5>
        <a:srgbClr val="FF8021"/>
      </a:accent5>
      <a:accent6>
        <a:srgbClr val="F14124"/>
      </a:accent6>
      <a:hlink>
        <a:srgbClr val="56C7AA"/>
      </a:hlink>
      <a:folHlink>
        <a:srgbClr val="59A8D1"/>
      </a:folHlink>
    </a:clrScheme>
    <a:fontScheme name="Slipstream">
      <a:majorFont>
        <a:latin typeface="Trebuchet MS"/>
        <a:ea typeface=""/>
        <a:cs typeface=""/>
        <a:font script="Jpan" typeface="HGｺﾞｼｯｸM"/>
        <a:font script="Hang" typeface="HY그래픽B"/>
        <a:font script="Hans" typeface="方正姚体"/>
        <a:font script="Hant" typeface="微軟正黑體"/>
        <a:font script="Arab" typeface="Tahoma"/>
        <a:font script="Hebr" typeface="Gisha"/>
        <a:font script="Thai" typeface="Iris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rebuchet MS"/>
        <a:ea typeface=""/>
        <a:cs typeface=""/>
        <a:font script="Jpan" typeface="HGｺﾞｼｯｸM"/>
        <a:font script="Hang" typeface="HY그래픽M"/>
        <a:font script="Hans" typeface="方正姚体"/>
        <a:font script="Hant" typeface="微軟正黑體"/>
        <a:font script="Arab" typeface="Tahoma"/>
        <a:font script="Hebr" typeface="Gisha"/>
        <a:font script="Thai" typeface="Iris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Slipstream">
      <a:fillStyleLst>
        <a:solidFill>
          <a:schemeClr val="phClr"/>
        </a:solidFill>
        <a:gradFill rotWithShape="1">
          <a:gsLst>
            <a:gs pos="28000">
              <a:schemeClr val="phClr">
                <a:tint val="18000"/>
                <a:satMod val="120000"/>
                <a:lumMod val="88000"/>
              </a:schemeClr>
            </a:gs>
            <a:gs pos="100000">
              <a:schemeClr val="phClr">
                <a:tint val="40000"/>
                <a:satMod val="100000"/>
                <a:lumMod val="78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lumMod val="95000"/>
              </a:schemeClr>
            </a:gs>
            <a:gs pos="100000">
              <a:schemeClr val="phClr">
                <a:shade val="82000"/>
                <a:satMod val="125000"/>
                <a:lumMod val="74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>
              <a:shade val="75000"/>
              <a:satMod val="125000"/>
              <a:lumMod val="7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63500" dist="50800" dir="5400000" sx="98000" sy="98000" rotWithShape="0">
              <a:srgbClr val="000000">
                <a:alpha val="20000"/>
              </a:srgbClr>
            </a:outerShdw>
          </a:effectLst>
        </a:effectStyle>
        <a:effectStyle>
          <a:effectLst>
            <a:outerShdw blurRad="40005" dist="22984" dir="5400000" rotWithShape="0">
              <a:srgbClr val="000000">
                <a:alpha val="45000"/>
              </a:srgbClr>
            </a:outerShdw>
          </a:effectLst>
          <a:scene3d>
            <a:camera prst="orthographicFront">
              <a:rot lat="0" lon="0" rev="0"/>
            </a:camera>
            <a:lightRig rig="balanced" dir="tr"/>
          </a:scene3d>
          <a:sp3d prstMaterial="matte">
            <a:bevelT w="19050" h="38100"/>
          </a:sp3d>
        </a:effectStyle>
        <a:effectStyle>
          <a:effectLst>
            <a:reflection blurRad="38100" stA="26000" endPos="23000" dist="25400" dir="5400000" sy="-100000" rotWithShape="0"/>
          </a:effectLst>
          <a:scene3d>
            <a:camera prst="orthographicFront">
              <a:rot lat="0" lon="0" rev="0"/>
            </a:camera>
            <a:lightRig rig="balanced" dir="tr"/>
          </a:scene3d>
          <a:sp3d contourW="14605" prstMaterial="plastic">
            <a:bevelT w="50800"/>
            <a:contourClr>
              <a:schemeClr val="phClr">
                <a:shade val="30000"/>
                <a:satMod val="12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8000"/>
                <a:shade val="90000"/>
                <a:satMod val="160000"/>
                <a:lumMod val="100000"/>
              </a:schemeClr>
            </a:gs>
            <a:gs pos="60000">
              <a:schemeClr val="phClr">
                <a:tint val="95000"/>
                <a:shade val="100000"/>
                <a:satMod val="130000"/>
                <a:lumMod val="130000"/>
              </a:schemeClr>
            </a:gs>
            <a:gs pos="100000">
              <a:schemeClr val="phClr">
                <a:tint val="97000"/>
                <a:shade val="100000"/>
                <a:hueMod val="100000"/>
                <a:satMod val="140000"/>
                <a:lumMod val="80000"/>
              </a:schemeClr>
            </a:gs>
          </a:gsLst>
          <a:path path="circle">
            <a:fillToRect l="20000" t="10000" r="20000" b="60000"/>
          </a:path>
        </a:gradFill>
        <a:gradFill rotWithShape="1">
          <a:gsLst>
            <a:gs pos="0">
              <a:schemeClr val="phClr">
                <a:tint val="94000"/>
                <a:satMod val="160000"/>
                <a:lumMod val="160000"/>
              </a:schemeClr>
            </a:gs>
            <a:gs pos="42000">
              <a:schemeClr val="phClr">
                <a:tint val="94000"/>
                <a:shade val="94000"/>
                <a:satMod val="160000"/>
                <a:lumMod val="130000"/>
              </a:schemeClr>
            </a:gs>
            <a:gs pos="100000">
              <a:schemeClr val="phClr">
                <a:tint val="97000"/>
                <a:shade val="94000"/>
                <a:satMod val="180000"/>
                <a:lumMod val="84000"/>
              </a:schemeClr>
            </a:gs>
          </a:gsLst>
          <a:path path="circle">
            <a:fillToRect l="24000" t="44000" r="24000" b="12000"/>
          </a:path>
        </a:gradFill>
      </a:bgFillStyleLst>
    </a:fmtScheme>
  </a:themeElements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1_Slipstream">
  <a:themeElements>
    <a:clrScheme name="Slipstream">
      <a:dk1>
        <a:sysClr val="windowText" lastClr="000000"/>
      </a:dk1>
      <a:lt1>
        <a:sysClr val="window" lastClr="FFFFFF"/>
      </a:lt1>
      <a:dk2>
        <a:srgbClr val="212745"/>
      </a:dk2>
      <a:lt2>
        <a:srgbClr val="B4DCFA"/>
      </a:lt2>
      <a:accent1>
        <a:srgbClr val="4E67C8"/>
      </a:accent1>
      <a:accent2>
        <a:srgbClr val="5ECCF3"/>
      </a:accent2>
      <a:accent3>
        <a:srgbClr val="A7EA52"/>
      </a:accent3>
      <a:accent4>
        <a:srgbClr val="5DCEAF"/>
      </a:accent4>
      <a:accent5>
        <a:srgbClr val="FF8021"/>
      </a:accent5>
      <a:accent6>
        <a:srgbClr val="F14124"/>
      </a:accent6>
      <a:hlink>
        <a:srgbClr val="56C7AA"/>
      </a:hlink>
      <a:folHlink>
        <a:srgbClr val="59A8D1"/>
      </a:folHlink>
    </a:clrScheme>
    <a:fontScheme name="Slipstream">
      <a:majorFont>
        <a:latin typeface="Trebuchet MS"/>
        <a:ea typeface=""/>
        <a:cs typeface=""/>
        <a:font script="Jpan" typeface="HGｺﾞｼｯｸM"/>
        <a:font script="Hang" typeface="HY그래픽B"/>
        <a:font script="Hans" typeface="方正姚体"/>
        <a:font script="Hant" typeface="微軟正黑體"/>
        <a:font script="Arab" typeface="Tahoma"/>
        <a:font script="Hebr" typeface="Gisha"/>
        <a:font script="Thai" typeface="Iris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rebuchet MS"/>
        <a:ea typeface=""/>
        <a:cs typeface=""/>
        <a:font script="Jpan" typeface="HGｺﾞｼｯｸM"/>
        <a:font script="Hang" typeface="HY그래픽M"/>
        <a:font script="Hans" typeface="方正姚体"/>
        <a:font script="Hant" typeface="微軟正黑體"/>
        <a:font script="Arab" typeface="Tahoma"/>
        <a:font script="Hebr" typeface="Gisha"/>
        <a:font script="Thai" typeface="Iris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Slipstream">
      <a:fillStyleLst>
        <a:solidFill>
          <a:schemeClr val="phClr"/>
        </a:solidFill>
        <a:gradFill rotWithShape="1">
          <a:gsLst>
            <a:gs pos="28000">
              <a:schemeClr val="phClr">
                <a:tint val="18000"/>
                <a:satMod val="120000"/>
                <a:lumMod val="88000"/>
              </a:schemeClr>
            </a:gs>
            <a:gs pos="100000">
              <a:schemeClr val="phClr">
                <a:tint val="40000"/>
                <a:satMod val="100000"/>
                <a:lumMod val="78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lumMod val="95000"/>
              </a:schemeClr>
            </a:gs>
            <a:gs pos="100000">
              <a:schemeClr val="phClr">
                <a:shade val="82000"/>
                <a:satMod val="125000"/>
                <a:lumMod val="74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>
              <a:shade val="75000"/>
              <a:satMod val="125000"/>
              <a:lumMod val="7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63500" dist="50800" dir="5400000" sx="98000" sy="98000" rotWithShape="0">
              <a:srgbClr val="000000">
                <a:alpha val="20000"/>
              </a:srgbClr>
            </a:outerShdw>
          </a:effectLst>
        </a:effectStyle>
        <a:effectStyle>
          <a:effectLst>
            <a:outerShdw blurRad="40005" dist="22984" dir="5400000" rotWithShape="0">
              <a:srgbClr val="000000">
                <a:alpha val="45000"/>
              </a:srgbClr>
            </a:outerShdw>
          </a:effectLst>
          <a:scene3d>
            <a:camera prst="orthographicFront">
              <a:rot lat="0" lon="0" rev="0"/>
            </a:camera>
            <a:lightRig rig="balanced" dir="tr"/>
          </a:scene3d>
          <a:sp3d prstMaterial="matte">
            <a:bevelT w="19050" h="38100"/>
          </a:sp3d>
        </a:effectStyle>
        <a:effectStyle>
          <a:effectLst>
            <a:reflection blurRad="38100" stA="26000" endPos="23000" dist="25400" dir="5400000" sy="-100000" rotWithShape="0"/>
          </a:effectLst>
          <a:scene3d>
            <a:camera prst="orthographicFront">
              <a:rot lat="0" lon="0" rev="0"/>
            </a:camera>
            <a:lightRig rig="balanced" dir="tr"/>
          </a:scene3d>
          <a:sp3d contourW="14605" prstMaterial="plastic">
            <a:bevelT w="50800"/>
            <a:contourClr>
              <a:schemeClr val="phClr">
                <a:shade val="30000"/>
                <a:satMod val="12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8000"/>
                <a:shade val="90000"/>
                <a:satMod val="160000"/>
                <a:lumMod val="100000"/>
              </a:schemeClr>
            </a:gs>
            <a:gs pos="60000">
              <a:schemeClr val="phClr">
                <a:tint val="95000"/>
                <a:shade val="100000"/>
                <a:satMod val="130000"/>
                <a:lumMod val="130000"/>
              </a:schemeClr>
            </a:gs>
            <a:gs pos="100000">
              <a:schemeClr val="phClr">
                <a:tint val="97000"/>
                <a:shade val="100000"/>
                <a:hueMod val="100000"/>
                <a:satMod val="140000"/>
                <a:lumMod val="80000"/>
              </a:schemeClr>
            </a:gs>
          </a:gsLst>
          <a:path path="circle">
            <a:fillToRect l="20000" t="10000" r="20000" b="60000"/>
          </a:path>
        </a:gradFill>
        <a:gradFill rotWithShape="1">
          <a:gsLst>
            <a:gs pos="0">
              <a:schemeClr val="phClr">
                <a:tint val="94000"/>
                <a:satMod val="160000"/>
                <a:lumMod val="160000"/>
              </a:schemeClr>
            </a:gs>
            <a:gs pos="42000">
              <a:schemeClr val="phClr">
                <a:tint val="94000"/>
                <a:shade val="94000"/>
                <a:satMod val="160000"/>
                <a:lumMod val="130000"/>
              </a:schemeClr>
            </a:gs>
            <a:gs pos="100000">
              <a:schemeClr val="phClr">
                <a:tint val="97000"/>
                <a:shade val="94000"/>
                <a:satMod val="180000"/>
                <a:lumMod val="84000"/>
              </a:schemeClr>
            </a:gs>
          </a:gsLst>
          <a:path path="circle">
            <a:fillToRect l="24000" t="44000" r="24000" b="12000"/>
          </a:path>
        </a:gradFill>
      </a:bgFillStyleLst>
    </a:fmtScheme>
  </a:themeElements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5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0</TotalTime>
  <Words>2898</Words>
  <Application>WPS Presentation</Application>
  <PresentationFormat>Widescreen</PresentationFormat>
  <Paragraphs>159</Paragraphs>
  <Slides>32</Slides>
  <Notes>17</Notes>
  <HiddenSlides>0</HiddenSlides>
  <MMClips>0</MMClips>
  <ScaleCrop>false</ScaleCrop>
  <HeadingPairs>
    <vt:vector size="8" baseType="variant">
      <vt:variant>
        <vt:lpstr>已用的字体</vt:lpstr>
      </vt:variant>
      <vt:variant>
        <vt:i4>24</vt:i4>
      </vt:variant>
      <vt:variant>
        <vt:lpstr>主题</vt:lpstr>
      </vt:variant>
      <vt:variant>
        <vt:i4>4</vt:i4>
      </vt:variant>
      <vt:variant>
        <vt:lpstr>嵌入 OLE 服务器</vt:lpstr>
      </vt:variant>
      <vt:variant>
        <vt:i4>1</vt:i4>
      </vt:variant>
      <vt:variant>
        <vt:lpstr>幻灯片标题</vt:lpstr>
      </vt:variant>
      <vt:variant>
        <vt:i4>32</vt:i4>
      </vt:variant>
    </vt:vector>
  </HeadingPairs>
  <TitlesOfParts>
    <vt:vector size="61" baseType="lpstr">
      <vt:lpstr>Arial</vt:lpstr>
      <vt:lpstr>SimSun</vt:lpstr>
      <vt:lpstr>Wingdings</vt:lpstr>
      <vt:lpstr>Microsoft YaHei</vt:lpstr>
      <vt:lpstr>方正综艺简体</vt:lpstr>
      <vt:lpstr>Poppins</vt:lpstr>
      <vt:lpstr>UTM Scriptina KT</vt:lpstr>
      <vt:lpstr>Arial</vt:lpstr>
      <vt:lpstr>Georgia</vt:lpstr>
      <vt:lpstr>Times New Roman</vt:lpstr>
      <vt:lpstr>Times New Roman</vt:lpstr>
      <vt:lpstr>Helvetica</vt:lpstr>
      <vt:lpstr>Open Sans</vt:lpstr>
      <vt:lpstr>Segoe Print</vt:lpstr>
      <vt:lpstr>Open Sans</vt:lpstr>
      <vt:lpstr>Open Sans </vt:lpstr>
      <vt:lpstr>等线</vt:lpstr>
      <vt:lpstr>Calibri</vt:lpstr>
      <vt:lpstr>TimesNewRoman</vt:lpstr>
      <vt:lpstr>Trebuchet MS</vt:lpstr>
      <vt:lpstr>Arial Unicode MS</vt:lpstr>
      <vt:lpstr>Roboto</vt:lpstr>
      <vt:lpstr>Calibri Light</vt:lpstr>
      <vt:lpstr>Helvetica</vt:lpstr>
      <vt:lpstr>Office Theme</vt:lpstr>
      <vt:lpstr>1_Office Theme</vt:lpstr>
      <vt:lpstr>Slipstream</vt:lpstr>
      <vt:lpstr>1_Slipstream</vt:lpstr>
      <vt:lpstr>Excel.Chart.8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Cấu tạo của mô hình/sản phẩm  </vt:lpstr>
      <vt:lpstr>PowerPoint 演示文稿</vt:lpstr>
      <vt:lpstr>NGUYÊN TẮC HOẠT ĐỘNG, VẬN HÀNH CỦA MÔ HÌNH/ SẢN PHẨM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  <vt:lpstr>PowerPoint 演示文稿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演示文稿</dc:title>
  <dc:creator>WIN7</dc:creator>
  <cp:lastModifiedBy>Administrator</cp:lastModifiedBy>
  <cp:revision>176</cp:revision>
  <dcterms:created xsi:type="dcterms:W3CDTF">2017-08-18T03:02:00Z</dcterms:created>
  <dcterms:modified xsi:type="dcterms:W3CDTF">2025-01-19T21:43:4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KSOProductBuildVer">
    <vt:lpwstr>1033-12.2.0.19805</vt:lpwstr>
  </property>
  <property fmtid="{D5CDD505-2E9C-101B-9397-08002B2CF9AE}" pid="3" name="ICV">
    <vt:lpwstr>EB285BC520A3446FAEEFB83A15C83438_12</vt:lpwstr>
  </property>
</Properties>
</file>